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Default Extension="vml" ContentType="application/vnd.openxmlformats-officedocument.vmlDrawing"/>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trlProps/ctrlProp1.xml" ContentType="application/vnd.ms-excel.controlproperties+xml"/>
  <Override PartName="/xl/ctrlProps/ctrlProp2.xml" ContentType="application/vnd.ms-excel.controlproperties+xml"/>
  <Override PartName="/xl/ctrlProps/ctrlProp3.xml" ContentType="application/vnd.ms-excel.controlproperties+xml"/>
  <Override PartName="/xl/ctrlProps/ctrlProp4.xml" ContentType="application/vnd.ms-excel.controlpropertie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s04\VO_DOC\01. Súťaže\2023\02. Oddelenie VO\01. Prebiehajúce zákazky\02. Danka\ICD\"/>
    </mc:Choice>
  </mc:AlternateContent>
  <bookViews>
    <workbookView xWindow="0" yWindow="0" windowWidth="23040" windowHeight="9195" firstSheet="1" activeTab="1"/>
  </bookViews>
  <sheets>
    <sheet name="hárok " sheetId="10" r:id="rId1"/>
    <sheet name="PTK - ponuka" sheetId="8" r:id="rId2"/>
  </sheets>
  <definedNames>
    <definedName name="_xlnm.Print_Area" localSheetId="1">'PTK - ponuka'!$A$1:$E$361</definedName>
  </definedNames>
  <calcPr calcId="162913"/>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E121" i="8" l="1"/>
  <c r="E108" i="8" l="1"/>
  <c r="E88" i="8"/>
  <c r="E68" i="8"/>
  <c r="E53" i="8"/>
  <c r="E49" i="8"/>
  <c r="E71" i="8" l="1"/>
</calcChain>
</file>

<file path=xl/sharedStrings.xml><?xml version="1.0" encoding="utf-8"?>
<sst xmlns="http://schemas.openxmlformats.org/spreadsheetml/2006/main" count="697" uniqueCount="323">
  <si>
    <t xml:space="preserve">Požadované minimálne technické vlastnosti, parametre a hodnoty predmetu zákazky
</t>
  </si>
  <si>
    <t>ks</t>
  </si>
  <si>
    <t>Bežná dostupnosť</t>
  </si>
  <si>
    <t>Nie bežná dostupnosť</t>
  </si>
  <si>
    <t>1. VŠEOBECNÁ ŠPECIFIKÁCIA PREDMETU ZÁKAZKY</t>
  </si>
  <si>
    <t>3.1 Rozdelenie predmetu zákazky</t>
  </si>
  <si>
    <t xml:space="preserve">akceptujem / neakceptujem </t>
  </si>
  <si>
    <t>1.1 Názov predmetu zákazky:</t>
  </si>
  <si>
    <t>1.2 CPV:</t>
  </si>
  <si>
    <t>1.3 Druh:</t>
  </si>
  <si>
    <t>7. PRÍLOHY</t>
  </si>
  <si>
    <t>1.</t>
  </si>
  <si>
    <t>Príloha č. 1</t>
  </si>
  <si>
    <t xml:space="preserve">3.1.a)  Rozdelenie na časti: </t>
  </si>
  <si>
    <t>3.2 Dostupnosť na trhu:</t>
  </si>
  <si>
    <t>Nie</t>
  </si>
  <si>
    <t>2.  FUNKČNÁ ŠPECIFIKÁCIA PREDMETU ZÁKAZKY</t>
  </si>
  <si>
    <t>3.  ROZDELENIE a DOSTUPNOSŤ PREDMETU ZÁKAZKY</t>
  </si>
  <si>
    <t>4. TECHNICKÁ ŠPECIFIKÁCIA PREDMETU ZÁKAZKY</t>
  </si>
  <si>
    <r>
      <t xml:space="preserve">Uchádzač uvedie informácie, či ním ponúkaný produkt spĺňa, resp. nespĺňa verejným obstarávateľom definované požiadavky na predmet zákazky 
</t>
    </r>
    <r>
      <rPr>
        <sz val="10"/>
        <color theme="1"/>
        <rFont val="Arial"/>
        <family val="2"/>
        <charset val="238"/>
      </rPr>
      <t>(v prípade, ak ponúkaný produkt nespĺňa definované požiadavky uvedie ekvivalentnú hodnotu ním ponúkaného produktu)</t>
    </r>
  </si>
  <si>
    <t xml:space="preserve">spĺňa / nespĺňa </t>
  </si>
  <si>
    <t>hodnota ponúkaného ekvivalentného produktu</t>
  </si>
  <si>
    <r>
      <t xml:space="preserve">Uchádzač uvedie informáciu, či akceptuje resp. neakceptuje verejným obstarávateľom definované zmluvné požiadavky na predmet zákazky
</t>
    </r>
    <r>
      <rPr>
        <sz val="10"/>
        <color theme="1"/>
        <rFont val="Arial"/>
        <family val="2"/>
        <charset val="238"/>
      </rPr>
      <t>(v prípade neakceptovania príslušnej požiadavky uvedie dôvod a ním navrhovanú úpravu)</t>
    </r>
  </si>
  <si>
    <t>dôvod neakceptovania požiadavky a návrh jej úpravy</t>
  </si>
  <si>
    <t>Príloha č. 2</t>
  </si>
  <si>
    <t>Prospektový materiál</t>
  </si>
  <si>
    <t>Kontaktná osoba predkladateľa PTK pre účely overenia si informácií týkajúcich sa technických parametrov ponúkaného produktu:</t>
  </si>
  <si>
    <t>Meno a priezvisko:</t>
  </si>
  <si>
    <t>Pracovná pozícia:</t>
  </si>
  <si>
    <t>Telefónne číslo:</t>
  </si>
  <si>
    <t>E-mail:</t>
  </si>
  <si>
    <t>PREHLÁSENIE</t>
  </si>
  <si>
    <t>V:</t>
  </si>
  <si>
    <t>podpis:</t>
  </si>
  <si>
    <t>Dňa:</t>
  </si>
  <si>
    <t>meno:</t>
  </si>
  <si>
    <t>pracovná pozícia:</t>
  </si>
  <si>
    <t>pečiatka:</t>
  </si>
  <si>
    <t>V súlade s § 25 zákona č. 343/2015 o verejnom obstarávaní za účelom stanovenia požiadaviek (transparentných) na predmet zákazky a predpokladanej hodnoty zákazky.</t>
  </si>
  <si>
    <t>Účel prípravnej trhovej konzultácie</t>
  </si>
  <si>
    <t>Sídlo:</t>
  </si>
  <si>
    <t>Týmto prehlasujem, že v PTK nami uvedený/é tovar/y v plnom rozsahu spĺňajú funkčnú špecifikáciu (t.j. účel použitia) predmetu zákazky. Zároveň prehlasujem, že v prípade, ak verejný obstarávateľ vyhlási zákazku na uvedený predmet zákazky v súlade s nami ponúkanými hodnotami uvedeného/ných tovaru/ov nie sú nám známe žiadne okolnosti, ktoré by nám bránili v účasti v predmetnej zákazky.</t>
  </si>
  <si>
    <t>Dodávateľ:</t>
  </si>
  <si>
    <t>V súlade s § 25 zákona o VO za účelom prijatia primeraných opatrení, aby sa účasťou záujemcov, uchádzačov alebo hospodárskych subjektov v príslušnej prípravnej trhovej konzultácií nenarušila hospodárska súťaž, poskytne verejný obstarávateľ všetky informácie súvisiace s prípravnou trhovou konzultáciou, vrátane informácií, ktoré z účasti  záujemcov, uchádzačov alebo hospodárskych subjektov so vzťahom k záujemcovi alebo uchádzačovi vyplynuli každému, kto o to požiada.</t>
  </si>
  <si>
    <t xml:space="preserve">6. MINIMÁLNE OSOBITNÉ POŽIADAVKY NA PREDMET ZÁKAZKY A DOKLADY </t>
  </si>
  <si>
    <r>
      <t xml:space="preserve">Uchádzač uvedie informácie, či akceptuje resp. neakceptuje verejným obstarávateľom definované minimálne osobitné požiadavky na predmet zákazky a doklady 
</t>
    </r>
    <r>
      <rPr>
        <sz val="10"/>
        <color theme="1"/>
        <rFont val="Arial"/>
        <family val="2"/>
        <charset val="238"/>
      </rPr>
      <t>(v prípade neakceptovania príslušnej požiadavky uvedie dôvod a ním navrhovanú úpravu)</t>
    </r>
  </si>
  <si>
    <t>2.</t>
  </si>
  <si>
    <t>3.</t>
  </si>
  <si>
    <t>4.</t>
  </si>
  <si>
    <r>
      <rPr>
        <b/>
        <sz val="10"/>
        <color theme="1"/>
        <rFont val="Arial"/>
        <family val="2"/>
        <charset val="238"/>
      </rPr>
      <t xml:space="preserve">Potvrdenie ŠÚKL </t>
    </r>
    <r>
      <rPr>
        <sz val="10"/>
        <color theme="1"/>
        <rFont val="Arial"/>
        <family val="2"/>
        <charset val="238"/>
      </rPr>
      <t xml:space="preserve">(výstup z databázy registrovaných/evidovaných zdravotníckych pomôcok), resp. iné doklady, ktoré nahrádzajú požadované potvrdenie. </t>
    </r>
  </si>
  <si>
    <t>3.1.b)  Zoznam častí a položiek:</t>
  </si>
  <si>
    <t xml:space="preserve">Kalkulácia ceny - Štruktúrovaný rozpočet ceny predmetu zákazky </t>
  </si>
  <si>
    <t>60000000-8 Dopravné služby (bez prepravy odpadu)</t>
  </si>
  <si>
    <r>
      <rPr>
        <b/>
        <sz val="10"/>
        <color theme="1"/>
        <rFont val="Arial"/>
        <family val="2"/>
        <charset val="238"/>
      </rPr>
      <t>Rozhodnutie o zaradení zdravotníckej pomôcky v Zozname ŠZM spolu s prílohou</t>
    </r>
    <r>
      <rPr>
        <sz val="10"/>
        <color theme="1"/>
        <rFont val="Arial"/>
        <family val="2"/>
        <charset val="238"/>
      </rPr>
      <t xml:space="preserve">, v ktorej sú uvedené podrobnosti o zaradení ponúkaného produktu v Zozname ŠZM ku všetkým ponúkaným produktom uvedeným v Prílohe - Sortiment ponúkaného tovaru. </t>
    </r>
  </si>
  <si>
    <t>povrch lumenu protézy potiahnutý vysokomolekulárnym heparínom,</t>
  </si>
  <si>
    <t>5. ZMLUVNÉ PODMIENKY PREDMETU ZÁKAZKY</t>
  </si>
  <si>
    <t>Minimálne zmluvné podmienky predmetu zákazky:</t>
  </si>
  <si>
    <t>Položka číslo</t>
  </si>
  <si>
    <t xml:space="preserve">Názov časti predmetu zákazky/názov položky predmetu zákazky </t>
  </si>
  <si>
    <t>Položka č. 1</t>
  </si>
  <si>
    <t>Položka č. 2</t>
  </si>
  <si>
    <t>SPOLU</t>
  </si>
  <si>
    <t xml:space="preserve">Požadované minimálne osobitné požiadavky na predmet zákazky a doklady (tieto doklady budú požadované vo vyhlásenom verejnom obstarávaní): 
</t>
  </si>
  <si>
    <r>
      <rPr>
        <b/>
        <sz val="10"/>
        <color theme="1"/>
        <rFont val="Arial"/>
        <family val="2"/>
        <charset val="238"/>
      </rPr>
      <t>Doklad s názvom ES vyhlásenie o zhode</t>
    </r>
    <r>
      <rPr>
        <sz val="10"/>
        <color theme="1"/>
        <rFont val="Arial"/>
        <family val="2"/>
        <charset val="238"/>
      </rPr>
      <t xml:space="preserve"> a podklady k nemu, resp. iné doklady, ktoré nahrádzajú požadované potvrdenie.</t>
    </r>
  </si>
  <si>
    <r>
      <rPr>
        <b/>
        <sz val="10"/>
        <color theme="1"/>
        <rFont val="Arial"/>
        <family val="2"/>
        <charset val="238"/>
      </rPr>
      <t xml:space="preserve">Prospektový materiál </t>
    </r>
    <r>
      <rPr>
        <sz val="10"/>
        <color theme="1"/>
        <rFont val="Arial"/>
        <family val="2"/>
        <charset val="238"/>
      </rPr>
      <t>všetkých ponúkaných produktov uvedených v Prílohe - Sortiment ponúkaného tovaru. Prospektový materiál musí obsahovať popis funkcií a technických parametrov ponúkaného produktu tak, aby na základe nich mohol verejný obstarávateľ jednoznačne posúdiť splnenie všetkých požadovaných minimálnych technických vlastností, parametrov a hodnôt v súlade s Prílohou - Špecifikácia predmetu zákazky. Prospektový materiál nemusí byť preložený do slovenského jazyka.</t>
    </r>
  </si>
  <si>
    <t>Merná jednotka
(MJ)</t>
  </si>
  <si>
    <t>tovar, služba</t>
  </si>
  <si>
    <t>Položka č. 3</t>
  </si>
  <si>
    <t>Položka č. 4</t>
  </si>
  <si>
    <t>Položka č. 5</t>
  </si>
  <si>
    <t>Položka č. 6</t>
  </si>
  <si>
    <t>Položka č. 7</t>
  </si>
  <si>
    <t>Položka č. 8</t>
  </si>
  <si>
    <t>Položka č. 9</t>
  </si>
  <si>
    <t>Položka č. 10</t>
  </si>
  <si>
    <t>Položka č. 11</t>
  </si>
  <si>
    <t>Položka č. 12</t>
  </si>
  <si>
    <t>Položka č. 13</t>
  </si>
  <si>
    <t>Položka č. 14</t>
  </si>
  <si>
    <t>Položka č. 15</t>
  </si>
  <si>
    <t xml:space="preserve">Časť č. 1 - Špeciálny zdravotnícky materiál pre elektroimpulzoterapiu porúch srdcového rytmu a srdcového zlyhávania skupiny 1  </t>
  </si>
  <si>
    <t xml:space="preserve">Požadovaný počet MJ na obdobie 48 mesiacov
</t>
  </si>
  <si>
    <t xml:space="preserve">Pomocné vodiče k zavádzaniu elektród </t>
  </si>
  <si>
    <t xml:space="preserve">Časť č. 2 - Špeciálny zdravotnícky materiál pre elektroimpulzoterapiu porúch srdcového rytmu a srdcového zlyhávania skupiny 2  </t>
  </si>
  <si>
    <t>Časť č. 3 - Špeciálny zdravotnícky materiál pre elektroimpulzoterapiu porúch srdcového rytmu a srdcového zlyhávania skupiny 3</t>
  </si>
  <si>
    <t>Časť č. 4 - Špeciálny zdravotnícky materiál pre elektroimpulzoterapiu porúch srdcového rytmu a srdcového zlyhávania skupiny 4</t>
  </si>
  <si>
    <t>Časť č. 5 - Špeciálny zdravotnícky materiál pre elektroimpulzoterapiu porúch srdcového rytmu a srdcového zlyhávania skupiny 5</t>
  </si>
  <si>
    <t>Časť č. 6 - Špeciálny zdravotnícky materiál pre elektroimpulzoterapiu porúch srdcového rytmu a srdcového zlyhávania skupiny 6</t>
  </si>
  <si>
    <t xml:space="preserve">Absorbovateľný antibakteriálny obal na prevenciu infekčných komplikácií implantovaných prístrojov </t>
  </si>
  <si>
    <t>Položka č. 16</t>
  </si>
  <si>
    <t>Položka č. 17</t>
  </si>
  <si>
    <t>Časť č. 7 - Špeciálny zdravotnícky materiál pre elektroimpulzoterapiu porúch srdcového rytmu a srdcového zlyhávania skupiny 7</t>
  </si>
  <si>
    <t>Áno - 7 častí</t>
  </si>
  <si>
    <r>
      <t>Predmet zákazky je rozdelený na 7 samostatných častí</t>
    </r>
    <r>
      <rPr>
        <sz val="10"/>
        <rFont val="Arial"/>
        <family val="2"/>
        <charset val="238"/>
      </rPr>
      <t>.</t>
    </r>
  </si>
  <si>
    <t xml:space="preserve">1. </t>
  </si>
  <si>
    <t xml:space="preserve">Implantabilné prístroje (kardiostimulátory a defibrilátory (ICD) s kompletným príslušenstvom vrátane elektród) pre elektroimpulzoterapiu porúch srdcového rytmu a srdcového zlyhávania s osobitným zreteľom na: </t>
  </si>
  <si>
    <t>duálny senzor na báze akcelerometra a minútovej ventilácie</t>
  </si>
  <si>
    <t>možnosť monitorovania respirácie s detekciou apnoických fáz</t>
  </si>
  <si>
    <t>automatickéi algoritmy na minimalizáciu komorovej stimulácie</t>
  </si>
  <si>
    <t xml:space="preserve">možnosť programovateľnej vektorovej elektronickej repozície biventrikulárnej stimulácie </t>
  </si>
  <si>
    <t xml:space="preserve">pokročilú HF diagnostiku </t>
  </si>
  <si>
    <t xml:space="preserve">možnosť aplikácie vysokej energie defibrilácie </t>
  </si>
  <si>
    <t xml:space="preserve">možnosť výberu elektroimpulzogenerátora s predĺženou životnosťou batérie ICD </t>
  </si>
  <si>
    <t>možnosť použitia zmenšenej verzie ICD s hrúbkou pod 1cm, s kompatibilitou NMR vyšetrenia do 3T vrátane</t>
  </si>
  <si>
    <t>možnosťou domáceho telemonitoringu.</t>
  </si>
  <si>
    <t>Položky predmetu zákazky pre časť č. 1</t>
  </si>
  <si>
    <t xml:space="preserve">1.1 </t>
  </si>
  <si>
    <t>1.2</t>
  </si>
  <si>
    <t>1.3</t>
  </si>
  <si>
    <t>1.4</t>
  </si>
  <si>
    <t>1.5</t>
  </si>
  <si>
    <t>1.6</t>
  </si>
  <si>
    <t>1.7</t>
  </si>
  <si>
    <t>1.8</t>
  </si>
  <si>
    <t>1.9</t>
  </si>
  <si>
    <t>2.1</t>
  </si>
  <si>
    <t>2.2</t>
  </si>
  <si>
    <t>2.3</t>
  </si>
  <si>
    <t>2.4</t>
  </si>
  <si>
    <t>2.5</t>
  </si>
  <si>
    <t>2.6</t>
  </si>
  <si>
    <t>2.7</t>
  </si>
  <si>
    <t>2.8</t>
  </si>
  <si>
    <t>2.9</t>
  </si>
  <si>
    <t>2.10</t>
  </si>
  <si>
    <t>2.11</t>
  </si>
  <si>
    <t>2.12</t>
  </si>
  <si>
    <t>2.13</t>
  </si>
  <si>
    <t>2.14</t>
  </si>
  <si>
    <t>2.15</t>
  </si>
  <si>
    <t xml:space="preserve">prevenciu vazovagálnych synkop </t>
  </si>
  <si>
    <t>kompatibilitu celotelovej 1,5T a 3T NMR diagnostiky počas celej životnosti zariadenia, bez limitácie oblasti skenovania a s funkciou automatického vypnutia NMR módu po 24 hod.</t>
  </si>
  <si>
    <t>možnosť automatického nastavenia prahu, automatickej kontroly elektród s prepínaním polarity, redukciou komorovej stimulácie a preferenciou sínusového rytmu</t>
  </si>
  <si>
    <t>možnosť prevencie návratu atriálnych arytmií po ich spontánnom ukončení (automatická stimulácia predsiene na nastaviteľný čas po ukončení arytmie)</t>
  </si>
  <si>
    <t>1.1</t>
  </si>
  <si>
    <t xml:space="preserve">Implantabilné prístroje (kardiostimulátory s kompletným príslušenstvom) pre elektroimpulzoterapiu porúch srdcového rytmu s osobitným zreteľom na: </t>
  </si>
  <si>
    <t>Položky predmetu zákazky pre časť č. 2</t>
  </si>
  <si>
    <t xml:space="preserve">možnosť automatického merania prahu a impedancie  </t>
  </si>
  <si>
    <t>možnosť monitorovania spánkového apnoe</t>
  </si>
  <si>
    <t>možnosť hemodynamickej optimalizácie kardiostimulácie cestou minimalizácie pravokomorovej stimulácie a s maximalizáciou zachovania fyziologického AV prevodu aj pri výskyte intermitentných AV blokov</t>
  </si>
  <si>
    <t>možnosť vysokej diskriminácie všetkých troch typov AV blokov</t>
  </si>
  <si>
    <t>možnosť antitachykardického manažmentu pomalých komorových tachykardií (maximálna stimulačná frekvencia dolná hranica detekcie komorovej tachykardie)</t>
  </si>
  <si>
    <t xml:space="preserve">Implantabilné prístroje (kardiostimulátory a ICD s kompletným príslušenstvom vrátane elektród) pre elektroimpulzoterapiu porúch srdcového rytmu a srdcového zlyhávania s osobitným zreteľom na: </t>
  </si>
  <si>
    <t>1.10</t>
  </si>
  <si>
    <t>1.11</t>
  </si>
  <si>
    <t>1.12</t>
  </si>
  <si>
    <t>1.13</t>
  </si>
  <si>
    <t xml:space="preserve">monitorovanie spánkového apnoe (SAM) </t>
  </si>
  <si>
    <t>dualny senzor (MV+G) - kombinácia akcelerometra a minútovej ventilácie</t>
  </si>
  <si>
    <t>možnosť použitia špeciálnej predsieňovej elektródy s hemodynamickým senzorom umožňujúcim automatickú optimalizáciu AV a VV intervalu</t>
  </si>
  <si>
    <t xml:space="preserve">použitie monitora  na diaľkové monitorovanie pacientov s defibrilátorom  s bezdrôtovou komunikáciou monitora s ICD </t>
  </si>
  <si>
    <t>buetooth vzdialené monitorovanie - domáci monitoring s monitorom</t>
  </si>
  <si>
    <t xml:space="preserve">použitie MRI kompatibilnej elektródy stimulačnej  predsieňovej /komorovej, defibrilačnej </t>
  </si>
  <si>
    <t xml:space="preserve">Časť č. 3 - Špeciálny zdravotnícky materiál pre elektroimpulzoterapiu porúch srdcového rytmu a srdcového zlyhávania skupiny 3  </t>
  </si>
  <si>
    <t xml:space="preserve">Časť č. 4 - Špeciálny zdravotnícky materiál pre elektroimpulzoterapiu porúch srdcového rytmu a srdcového zlyhávania skupiny 4  </t>
  </si>
  <si>
    <t>Implantabilné prístroje (kardiostimulátory s kompletným príslušenstvom) pre elektroimpulzoterapiu porúch srdcového rytmu s osobitným zreteľom na:</t>
  </si>
  <si>
    <t>hemodynamické monitorovanie kontraktility a zmien objemu pravej komory pomocou transvalvulárnej impedancie v kombinácii s druhým senzorom frekvenčnej modulácie</t>
  </si>
  <si>
    <t>možnosť nepretržitej automatickej kontroly účinnosti komorovej stimulácie a nastavovanie stimulačných parametrov energie „beat to beat“</t>
  </si>
  <si>
    <t>možnosť automatického merania prahov</t>
  </si>
  <si>
    <t>možnosť minimalizácie komorovej stimulácie</t>
  </si>
  <si>
    <t>možnosť preventívneho algoritmu manažmentu predsieňovej fibrilácie</t>
  </si>
  <si>
    <t>možnosť záznamu intrakardiálnych komorových a predsieňových epizód a krivky TVI</t>
  </si>
  <si>
    <t>možnosť sledovania intrakardiálneho elektrogramu.</t>
  </si>
  <si>
    <t>Položky predmetu zákazky pre časť č. 4:</t>
  </si>
  <si>
    <t xml:space="preserve">Časť č. 5 - Špeciálny zdravotnícky materiál pre elektroimpulzoterapiu porúch srdcového rytmu a srdcového zlyhávania skupiny 5 </t>
  </si>
  <si>
    <t xml:space="preserve">možnosť kontinuálneho (beat-to-beat) overenia účinnosti komorovej stimulácie a automatickej optimalizácie stimulačného výdaja </t>
  </si>
  <si>
    <t xml:space="preserve">optimalizovateľný tvar defibrilačnej vlny na liečbu malígnych tachyarytmií (možnosť nastaviť pevnú dĺžku trvania defibrilačného výboja) </t>
  </si>
  <si>
    <t>možnosť doručiť energiu výboja až 40J</t>
  </si>
  <si>
    <t>možnosť pokročilej viacbodovej stimulácie ĽK</t>
  </si>
  <si>
    <t xml:space="preserve">možnosť domáceho telemonitoringu prostredníctvom klasického domáceho monitoru, alebo alebo prostredníctvom smartfónu s operačným systémom IOS alebo Android u konkrétnych defibrilátorov
</t>
  </si>
  <si>
    <t xml:space="preserve">možnosť minimalizácie pravokomorovej stimulácie prostredníctvom automatickej zmeny trvania AV prevodu 
</t>
  </si>
  <si>
    <t xml:space="preserve">možnosť optimalizácie biventrikulárnej stimulácie na základe automatického vyhľadávania vlastného AV prevodu minimálne raz za 30 minút (možnosť nastaviť skrátenie AV prevodu v milisekundách)
</t>
  </si>
  <si>
    <t xml:space="preserve">možnosť použiť externý aktivátor/deaktivátor MRI kompatibilného režimu bez potreby použiť programátor u vybraných modelov
</t>
  </si>
  <si>
    <t>možnosť bezdrôtovej RF komunikácie zariadenia s programátorom</t>
  </si>
  <si>
    <t xml:space="preserve">možnosť automatického skrátenia AV intervalu (tzv. negatívnej hysterézy) v prípade zosnímania vlastnej aktivity v komore
</t>
  </si>
  <si>
    <t>možnosť monitorovania srdcového zlyhávania pomocou merania intratorakálnej impedancie-možnosť fyziologickej stimulácie vodivého systému</t>
  </si>
  <si>
    <t xml:space="preserve">možnosť automatickej detekcie, kvantifikácie a pamäťového záznamu arytmií; s kapacitou  epizód nahraných pacientom minimálne 55 minút, </t>
  </si>
  <si>
    <t>možnosť naprogramovania priority epizód a okamžitého posielania EKG záznamu do siete vzdialeného monitorovania prostredníctvom smartfónu pracujúceho prostredníctvom operačného systému IOS alebo Android.</t>
  </si>
  <si>
    <t xml:space="preserve">Položky predmetu zákazky pre časť č. 5: </t>
  </si>
  <si>
    <t xml:space="preserve">Kardiostimulátor resynchronizačný </t>
  </si>
  <si>
    <t xml:space="preserve">Kardiostimulátor jednoelektródový dvojdutinový  </t>
  </si>
  <si>
    <t xml:space="preserve">Elektróda stimulačná predsieňová s príslušenstvom </t>
  </si>
  <si>
    <t xml:space="preserve">Elektróda stimulačná pravokomorová s príslušenstvom </t>
  </si>
  <si>
    <t xml:space="preserve">Elektróda stimulačná ľavokomorová s príslušenstvom </t>
  </si>
  <si>
    <t>Implantovateľné elektroimpulzogenerátory (kardiostimulátory a kardioverter-defibrilátory) s kompletným príslušenstvom vrátane elektród na elektroimpulzoterapiu porúch srdcového rytmu a srdcového zlyhávania a implantabilné slučkové rekordéry s kompletným príslušenstvom s osobitným zreteľom na:</t>
  </si>
  <si>
    <t>možnosť domáceho telemonitoringu prostredníctvom klasického domáceho monitoru, alebo prostredníctvom Bluetooth/BlueSync bezdrôtovej technológie s programovaním pomocou tabletovej aplikácie</t>
  </si>
  <si>
    <t>možnosť automatického kontinuálneho nastavovania citlivosti, senzorovej charakteristiky a prahov, možnosť automatickej duálnej optimalizácie frekvenčnej adaptácie</t>
  </si>
  <si>
    <t>možnosť minimalizácie pravokomorovej stimulácie prostredníctvom podpory vlastného AV prevodu (bez nutnosti predlžovania AV času) aj pri výskyte intermitentných AV blokád</t>
  </si>
  <si>
    <t>možnosť manažmentu synkopy a antitachykardickej stimulácie v prípade paroxyzmu atriálnej tachykardie</t>
  </si>
  <si>
    <t>možnosť celotelového NMR (nukleárna magnetická rezonancia) vyšetrenia prístrojmi 1,5 a 3 Tesla bez limitácie dĺžky skenovania pacienta</t>
  </si>
  <si>
    <t>možnosť nastavenia minimálne 2 stimulačných vektorov v pravej komore a 20 stimulačných vektorov ľavej komory v kvadripolárnych systémoch</t>
  </si>
  <si>
    <t>možnosť kontinuálneho impedančného monitorovania vnútrohrudnej retencie tekutín</t>
  </si>
  <si>
    <t>možnosť monitorovania atriálnych arytmií aj v jednodutinových systémoch</t>
  </si>
  <si>
    <t>možnosť garantovanej stability krátkej (pod 10 sec) doby nabíjania kondenzátorov, redukciu nenáležitých šokov pri poškodení, alebo dislokácií elektród a pri „oversensingu“ T vlny bez nutnosti zmeny senzorovej charakteristiky v pravej komore</t>
  </si>
  <si>
    <t>možnosť automatického nastavovania AV a VV prevodu a LV stimulačnej konfigurácie minimálne raz za deň</t>
  </si>
  <si>
    <t>možnosť stimulácie impulzmi maximálnej amplitúdy 8 V</t>
  </si>
  <si>
    <t>možnosť kompatibility celotelovej 1,5T a 3T NMR diagnostiky počas celej živostnosti zariadenia s implantovaným elektroimpulzogenerátorom</t>
  </si>
  <si>
    <t>možnosť kontinuálneho impendančného monitorovania intratorakálnej retencie tekutín</t>
  </si>
  <si>
    <t xml:space="preserve">príslušenstvo k zavedeniu elektród do koronárneho sínusu vrátane trhacej hemostatickej chlopne a bočného portu, vrátane zavádzača do laterálnej vetvy, setu na aplikáciu kontrastnej látky a intavazálneho selektora </t>
  </si>
  <si>
    <t>životnosť slučkového rekordéra minimálne 4,5 roka, a objem do 1,4 cm3</t>
  </si>
  <si>
    <t>možnosť kompatibility celotelovej 1,5T a 3T NMR diagnostiky počas celej živostnosti zariadenia</t>
  </si>
  <si>
    <t>možnosť domáceho telemonitoringu prostredníctvom klasického domáceho monitora, alebo prostredníctvom Bluetooth/BlueSync bezdrôtovej technológie s programovaním pomocou tabletovej aplikácie.</t>
  </si>
  <si>
    <t>Položky predmetu zákazky pre časť č. 6</t>
  </si>
  <si>
    <t xml:space="preserve">Časť č. 6 - Špeciálny zdravotnícky materiál pre elektroimpulzoterapiu porúch srdcového rytmu a srdcového zlyhávania skupiny 6 </t>
  </si>
  <si>
    <t>1.14</t>
  </si>
  <si>
    <t>1.15</t>
  </si>
  <si>
    <t>1.16</t>
  </si>
  <si>
    <t>1.17</t>
  </si>
  <si>
    <t>Implantabilné prístroje (kardiostimulátory a ICD s kompletným príslušenstvom vrátane elektród) pre elektroimpulzoterapiu porúch srdcového rytmu s osobitným zreteľom na:</t>
  </si>
  <si>
    <t xml:space="preserve">možnosť frekvenčnej adaptácie na báze kontraktility myokardu, ako odpovede na fyzický a emočný stres (CLS) </t>
  </si>
  <si>
    <t>automatické bezkontaktné domáce telemonitorovanie (vrátane prenosu intrakardiálneho EKG záznamu) s plne automatickým bezdrôtovým vysielaním správ každých 24 hodín, bez významného vplyvu na životnosť implantovateľného zariadenia pri aktivácii tejto funkcie pomocou samostatnej celulárnej pacientskej jednotky s batériovou prevádzkou a automatickým párovaním s implantovateľným zariadením</t>
  </si>
  <si>
    <t>možnosť MRI vyšetrenia umožňujúcu opakovanú automatickú detekciu vonkajšieho magnetického poľa s možnosťou prepnutia do MR režimu a následným automatickým obnovením pôvodných nastavení implantovateľného kardioverter-defibrilátora po ukončení MRI vyšetrenia kedykoľvek v období 2 týždňov od aktivácie funkcie</t>
  </si>
  <si>
    <t>Položky predmetu zákazky pre časť č. 7</t>
  </si>
  <si>
    <t xml:space="preserve">2. </t>
  </si>
  <si>
    <t xml:space="preserve">Časť č. 7 - Špeciálny zdravotnícky materiál pre elektroimpulzoterapiu porúch srdcového rytmu a srdcového zlyhávania skupiny 7 </t>
  </si>
  <si>
    <t>2.16</t>
  </si>
  <si>
    <t>2.17</t>
  </si>
  <si>
    <t>na možnosť stimulácie impulzmi maximálnej amplitúdy 7,5 V</t>
  </si>
  <si>
    <t>možnosť stabilizácie rytmu komôr počas atriálnych arytmií.</t>
  </si>
  <si>
    <t>použitie monitora na diaľkové monitorovanie pacientov s kardiostimulátorom s  bluetooth komunikáciou monitora s kardiostimulátorom.</t>
  </si>
  <si>
    <t>možnosť automatickej úpravy napätia stimulácie na základe automatických kontrol stimulačného prahu, s analýzou efektivity stimulácie “beat-to-beat” nezávisle od unipolárnej, či bipolárnej konfigurácie elektródy.</t>
  </si>
  <si>
    <t>možnosť voľby defibrilačnej elektródy s plávajúcim predsieňovým dipólom, umožňujúcim dodatočnú diskrimináciu supraventrikulárnych tachykardií SVT, poskytujúcu monitorovanie predsieňových arytmií pri jednodutinových prístrojoch s možnosťou jej využitia aj pri biventrikulárnych systémoch v rámci redukcie počtu zavádzaných elektród</t>
  </si>
  <si>
    <t xml:space="preserve">Implantabilné prístroje pre elektroimpulzoterapiu porúch srdcového rytmu a srdcového zlyhávania </t>
  </si>
  <si>
    <t>Implantabilné prístroje (kardiostimulátory a ICD s kompletným príslušenstvom vrátane elektród, domáceho monitora a zavádzačov na kanuláciu koronárneho sínusu) na elektroimpulzoterapiu porúch srdcového rytmu a srdcového zlyhávania a implantabilné slučkové rekordéry s osobitným zreteľom na:</t>
  </si>
  <si>
    <t xml:space="preserve">kompatibilitu celotelového NMR vyšetrenia (1,5T a 3T) a s možnosťou podstúpiť MR vyšetrenie ihneď po implantácii zariadenia   </t>
  </si>
  <si>
    <t xml:space="preserve">33182200-1 Srdcovostimulačné prístroje   </t>
  </si>
  <si>
    <t>33182100-0 Defribrilátory</t>
  </si>
  <si>
    <t>33182240-3 Časti a príslušenstvo srdcových stimulátorov</t>
  </si>
  <si>
    <t>33123210-3 Prístroje na monitorovanie srdca</t>
  </si>
  <si>
    <t>33140000-3 Zdravotnícky spotrebný materiál</t>
  </si>
  <si>
    <t>Kardiostimulátor jednodutinový</t>
  </si>
  <si>
    <t>Kardiostimulátor dvojdutinový</t>
  </si>
  <si>
    <t>Kardiostimulátor biventrikulárny</t>
  </si>
  <si>
    <t xml:space="preserve">Defibrilátor jednodutinový </t>
  </si>
  <si>
    <t>Defibrilátor dvojdutinový</t>
  </si>
  <si>
    <t>Defibrilátor biventrikulárny</t>
  </si>
  <si>
    <t xml:space="preserve">Elektróda kardiostimulačná pre trvalú predsieňovú stimuláciu  </t>
  </si>
  <si>
    <t>Elektróda kardiostimulačná pre trvalú ľavokomorovú stimuláciu</t>
  </si>
  <si>
    <t>Elektróda defibrilačná s príslušenstvom</t>
  </si>
  <si>
    <t>Domáci monitor</t>
  </si>
  <si>
    <t xml:space="preserve">Pomocný vodič k zavádzaniu elektród </t>
  </si>
  <si>
    <t xml:space="preserve">Ovládateľný zavádzač k umiestneniu elektródy na fyziologickú stimláciu </t>
  </si>
  <si>
    <t>Zavádzač pre implantáciu ľavokomorovej elektródy do CS</t>
  </si>
  <si>
    <t xml:space="preserve">Elektróda kardiostimulačná pre trvalú pravokomorovú stimuláciu </t>
  </si>
  <si>
    <t xml:space="preserve">Implantabilný slučkový rekordér </t>
  </si>
  <si>
    <t>Elektróda s hemodynamickým senzorom</t>
  </si>
  <si>
    <t>Elektróda kardiostimulačná pre trvalú pravokomorovú stimuláciu</t>
  </si>
  <si>
    <t>Elektróda kardiostimulačná kvadripolárna pre trvalú ľavokomorovú stimuláciu</t>
  </si>
  <si>
    <t>Pomocný vodič k zavádzaniu elektród</t>
  </si>
  <si>
    <t>Defibrilátor jednodutinový</t>
  </si>
  <si>
    <t>Defibrilátor resynchronizačný</t>
  </si>
  <si>
    <t xml:space="preserve">Zavádzací set pre implantáciu ľavokomorovej elektródy Prosím určiť množstvo </t>
  </si>
  <si>
    <t xml:space="preserve">Domáci monitor </t>
  </si>
  <si>
    <t>Epikardiálna elektróda</t>
  </si>
  <si>
    <t xml:space="preserve">Príslušenstvo a perkutánny zavádzač pre implantáciu elektród </t>
  </si>
  <si>
    <t xml:space="preserve">Zavádzač pre implantáciu ľavokomorových elektród do CS </t>
  </si>
  <si>
    <t xml:space="preserve">Zavádzač pre implantáciu elektródy na fyziologickú komorovú stimuláciu </t>
  </si>
  <si>
    <t>Implantabilný slučkový rekordér</t>
  </si>
  <si>
    <t>automatický MRI mód  - automatické prepnutie do asynchronného módu iba počas MRI vyšetrenia / minimálny čas strávený v tomto móde / iba jedna návšteva u kardiológa - pred MRI vyšetrením (celotelový MRI sken, kompatibilita 1,5 - 3T)</t>
  </si>
  <si>
    <t>Položky predmetu zákazky pre časť č. 3:</t>
  </si>
  <si>
    <t>Požaduje sa poskytovanie plnenia vo viacerých ucelených častiach, a to na základe písomných čiastkových výziev (ďalej len "Objednávka") Objednávateľa s periodicitou a v minimálnych objemoch podľa aktuálnych prevádzkových potrieb Objednávateľa.</t>
  </si>
  <si>
    <t>Požaduje sa dodanie tovaru:</t>
  </si>
  <si>
    <t>do 48 hodín od doručenia písomnej Objednávky Dodávateľovi,</t>
  </si>
  <si>
    <t>v pracovných dňoch (do termínu sa nezapočítavajú dni pracovného voľna, pracovného pokoja a štátne sviatky),</t>
  </si>
  <si>
    <t>v čase od 07:00 hod. do 15:00 hod.,</t>
  </si>
  <si>
    <t>na dohodnuté miesto plnenia a zodpovednej osobe Objednávateľa (podrobnosti o mieste plnenia a zodpovednej osobe Objednávateľa budú Dodávateľovi upresnené bezprostredne po nadobudnutí účinnosti Rámcovej dohody),</t>
  </si>
  <si>
    <t>s dodacím listom, ktorý musí obsahovať okrem povinných náležitostí aj číslo Objednávky, číslo Rámcovej dohody, ŠÚKL kód (ak je to relevantné), kód MZ SR (ak je to relevantné), jednotkovú cenu príslušnej položky bez DPH, s DPH, sadzbu DPH, celkovú cenu príslušnej položky bez DPH, s DPH.
V prípade, ak je dodávaný tovar z krajiny EÚ (okrem SR), je Dodávateľ povinný uviesť v dodacom liste, okrem náležitostí uvedených v predchádzajúcej vete, aj:
- kód tovaru podľa aktuálne platného colného sadzobníka,
- údaj o krajine pôvodu tovaru (t.j. krajina kde bol tovar vyrobený).</t>
  </si>
  <si>
    <t>V prípade, ak Dodávateľ doručí Objednávateľovi tovar v kvalite a/alebo v množstve nezodpovedajúcom požiadavkám Objednávateľa, je Objednávateľ oprávnený v lehote do 3 pracovných dní od dodania tovaru požiadať Dodávateľa o dodanie tovaru zodpovedajúceho jeho požiadavkám. Dodávateľ je povinný nahradiť reklamovaný tovar tovarom v kvalite a v množstve zodpovedajúcom požiadavkám Objednávateľa, a to v lehote najneskôr do 10 pracovných dní odo dňa oznámenia požiadavky Objednávateľa podľa predchádzajúcej vety.
Všetky vzniknuté náklady spojené s oprávnenou reklamáciou Objednávateľa znáša v plnom rozsahu Dodávateľ.</t>
  </si>
  <si>
    <t>Požaduje sa v zmysle § 340b ods. 5 zákona č. 513/1991 Z. z. Obchodného zákonníka v znení neskorších predpisov splatnosť faktúry v lehote 60 kalendárnych dní odo dňa jej doručenia Objednávateľovi.</t>
  </si>
  <si>
    <t>Dodávateľ je povinný k faktúre vždy priložiť kópiu Objednávky Objednávateľa ako povinnú prílohu faktúry. Dodávateľ je rovnako povinný k faktúre priložiť kópiu dodacieho listu ako jej povinnú prílohu, okrem prípadov, kedy je faktúra doručená zároveň s dodacím listom.</t>
  </si>
  <si>
    <t>Dodávateľ je povinný vystaviť faktúru za dodaný tovar v súlade s ustanovením §73 zákona č. 222/2004 Z. z. o dani z pridanej hodnoty v znení neskorších predpisov.</t>
  </si>
  <si>
    <t>Požaduje sa akceptovať, že platba za plnenie sa realizuje výlučne bezhotovostným platobným stykom na základe faktúry doručenej Dodávateľom, a to vždy za riadne a včas poskytnuté plnenie. Dodávateľ je povinný zaslať faktúru elektronicky na e-mailovú adresu: szm@vusch.sk. Za deň splnenia peňažného záväzku sa považuje deň odpísania dlžnej sumy z účtu Objednávateľa v prospech účtu Dodávateľa.</t>
  </si>
  <si>
    <t>Požaduje sa, aby Dodávateľom poskytovaný predmet plnenia bol (v prípade, ak je to relevantné), v súlade s:</t>
  </si>
  <si>
    <t>a) aktuálnym Cenovým opatrením MZ SR, ktorým sa ustanovuje rozsah regulácie cien v oblasti zdravotníctva,</t>
  </si>
  <si>
    <t>b) zákonom č. 363/2011 Z. z. o rozsahu a podmienkach úhrady liekov, zdravotníckych pomôcok a dietetických potravín na základe verejného zdravotného poistenia a o zmene a doplnení niektorých zákonov v znení neskorších predpisov,</t>
  </si>
  <si>
    <t>c) aktuálne platným Zoznamom liekov s úradne určenou cenou,</t>
  </si>
  <si>
    <t>d) aktuálne platným Zoznamom kategorizovaných špeciálnych zdravotníckych materiálov,</t>
  </si>
  <si>
    <t>e) aktuálne platným Zoznamom kategorizovaných špeciálnych zdravotníckych materiálov s maximálnou výškou úhrady poisťovne Všeobecná zdravotná poisťovna, a.s., DÔVERA zdravotná poisťovňa, a.s. a Union zdravotná poisťovňa, a.s.,</t>
  </si>
  <si>
    <t>f) aktuálne platným Zoznamom nekategorizovaných špeciálnych zdravotníckych materiálov s maximálnou výškou úhrady poisťovne Všeobecná zdravotná poisťovna, a.s., DÔVERA zdravotná poisťovňa, a.s. a Union zdravotná poisťovňa, a.s.</t>
  </si>
  <si>
    <t>V prípade, ak bude zmluvná cena vyššia, ako je maximálna cena úhrady zdravotnej poisťovne uvedená v zozname zdravotnej poisťovne, je Dodávateľ povinný, najneskôr však do 5 kalendárnych dní od účinnosti zmeny, Objednávateľa o tejto zmene informovať a predložiť mu návrh ďalšieho postupu vo veci úpravy zmluvnej ceny (napr. návrh na uzavretie dodatku, predmetom ktorého bude zníženie zmluvnej ceny a pod.). V prípade, ak sa Zmluvné strany podľa predchádzajúcej vety nedohodnú na spoločnom návrhu ďalšieho postupu, Objednávateľ si vyhradzuje právo na odstúpenie od Rámcovej dohody.</t>
  </si>
  <si>
    <t>Požaduje sa, aby v prípade, ak sa úspešným Dodávateľom po elektronickej aukcii stane:
- Dodávateľ, ktorý je alebo bol dodávateľom predmetu zákazky pre Objednávateľa a ak jeho konečná jednotková cena za MJ bez DPH je vyššia ako súčasne aktuálna alebo predtým platná jednotková cena za MJ bez DPH, za ktorú Objednávateľ nakupuje alebo nakupoval od Dodávateľa pred vyhlásením tejto súťaže, alebo
- Dodávateľ, ktorý Objednávateľovi predložil aktuálnu cenovú ponuku pred vyhlásením tejto súťaže a jeho konečná jednotková cena za MJ bez DPH je vyššia ako cena ktorú predložil v aktuálnej cenovej ponuke pred vyhlásením tejto súťaže, tak:
Objednávateľ vyzve úspešného Dodávateľa na podanie vysvetlenia k uvedenému a ak po prehodnotení písomného zdôvodnenia Objednávateľ:
- uzná navýšenie konečnej jednotkovej ceny za MJ bez DPH príslušnej položky predmetu zákazky, zašle Dodávateľovi oznámenie, v ktorom potvrdí oprávnenie ním ponúknutej ceny, alebo
- neuzná navýšenie konečnej jednotkovej ceny za MJ bez DPH príslušnej položky predmetu zákazky, tak si vyhradzuje právo odstúpiť od uzavretej Rámcovej dohody.</t>
  </si>
  <si>
    <t>V prípade, ak sa po uzatvorení Rámcovej dohody preukáže, že na relevantnom trhu existuje cena (ďalej tiež ako "nižšia cena") za rovnaké alebo porovnateľné plnenie, ako bude obsiahnuté v Rámcovej dohode a Dodávateľ už preukázateľne v minulosti za takúto Nižšiu cenu plnenie poskytol, resp. ešte stále poskytuje, pričom rozdiel medzi Nižšou cenou a cenou podľa Rámcovej dohody bude viac ako 5% v neprospech ceny podľa Rámcovej dohody, zaväzuje sa Dodávateľ poskytnúť Objednávateľovi pre takéto plnenie objednané po preukázaní tejto skutočnosti dodatočnú zľavu vo výške rozdielu medzi ním poskytovanou cenou podľa uzatvorenej Rámcovej dohody a Nižšou cenou.</t>
  </si>
  <si>
    <t>Dodávateľ je povinný bezodkladne, najneskôr však do 5 pracovných dní od preukázania skutočnosti uvedenej v predchádzajúcej vete, doručiť Objednávateľovi dodatok, predmetom ktorého bude upravená cena. V prípade, ak v uvedenej lehote nebude dodatok Objednávateľovi doručený, vyhradzuje si Objednávateľ právo Rámcovú dohodu vypovedať s 1-mesačnou výpovednou lehotou. Výpovedná lehota začína plynúť od prvého dňa kalendárneho mesiaca nasledujúceho po doručení výpovede Dodávateľovi a skončí sa uplynutím posledného dňa príslušného kalendárneho mesiaca.</t>
  </si>
  <si>
    <t>Požaduje sa, aby Dodávateľ počas trvania zmluvného vzťahu informoval Objednávateľa o každej zmene písomne, bezodkladne najneskôr do 5 pracovných dní odo dňa účinnosti zmeny, predložením kópie dokladov, ktorými preukáže oprávnenosť vykonaných zmien:
- údajov týkajúcich sa tovaru (napr. zaradenie/vyradenie tovaru do/zo Zoznamu kategorizovaných ŠZM, zmena ŠÚKL kódu, zmena názvu tovaru a pod.),
- ceny vyvolanej zmenou jednotlivých regulačných cenových predpisov a zoznamov.</t>
  </si>
  <si>
    <t>Požaduje sa, aby bol Dodávateľ v čase predloženia ponuky a zároveň počas trvania Rámcovej dohody oprávnený na poskytnutie plnenia predmetu zákazky.</t>
  </si>
  <si>
    <t>Požaduje sa možnosť uplatnenia si náhrady škody u Dodávateľa vo výške vzniknutých finančných nákladov a/alebo možnosť vrátenia nespotrebovanej časti tovaru v prípade nedodržania požiadaviek uvedených v týchto zmluvných podmienkach.</t>
  </si>
  <si>
    <t>Zmluvné strany sa dohodli, že pohľadávky, ktoré vzniknú Dodávateľovi z tohto zmluvného vzťahu, Dodávateľ nie je oprávnený postúpiť tretím osobám bez predchádzajúceho súhlasu Objednávateľa. Postúpenie pohľadávok bez predchádzajúceho súhlasu Objednávateľa je neplatné. Súhlas Objednávateľa je platný len za podmienky, že bol na takýto úkon udelený predchádzajúci písomný súhlas Ministerstva zdravotníctva Slovenskej republiky.</t>
  </si>
  <si>
    <t>Zmluvné strany sa dohodli, že sú zbavené zodpovednosti za čiastočné alebo úplné neplnenie zmluvných povinností podľa tohto zmluvného vzťahu v prípade, že toto neplnenie je v dôsledku okolností vylučujúcich zodpovednosť. Pre účely tohto zmluvného vzťahu sa za okolnosti vylučujúce zodpovednosť považujú prípady, ktoré nie sú závislé, ani ich nemôžu ovplyvniť Zmluvné strany, a to najmä podľa ústavného zákona č. 227/2002 Z. z. o bezpečnosti štátu v čase vojny, vojnového stavu, výnimočného stavu a núdzového stavu v znení neskorších predpisov. Zmluvná strana, ktorá sa odvolá na okolnosti vylučujúce zodpovednosť, je povinná to oznámiť druhej Zmluvnej strane najneskôr do 5 kalendárnych dní od vzniku tejto skutočnosti a môže požiadať o prípadnú úpravu podmienok zmluvného vzťahu. Na požiadanie Zmluvnej strany, ktorej boli avizované okolnosti vylučujúce zodpovednosť, je povinný oznamovateľ predložiť hodnoverný dôkaz. Ak nedôjde k dohode, má Zmluvná strana, ktorá sa odvolala na okolnosti vylučujúce zodpovednosť, právo odstúpiť od Rámcovej dohody. Účinky odstúpenia nastanú dňom doručenia oznámenia druhej Zmluvnej strane.</t>
  </si>
  <si>
    <t>Osobné údaje dotknutých osôb, ktoré sú súčasťou tohto procesu verejného obstarávania, sú spracúvané verejným obstarávateľom na vopred vymedzený účel v súlade s Nariadením Európskeho parlamentu a Rady (EÚ) 2016/679 o ochrane fyzických osôb pri spracúvaní osobných údajov a o voľnom pohybe takýchto údajov a zákona NR SR č. 18/2018 Z. z. o ochrane osobných údajov a o zmene a doplnení niektorých zákonov v znení neskorších predpisov. Bližšie informácie sú uvedené na webovom sídle verejného obstarávateľa.</t>
  </si>
  <si>
    <t>Dodávateľ je povinný podľa Nariadenia Európskeho parlamentu a Rady (EÚ) 2016/679 o ochrane fyzických osôb pri spracúvaní osobných údajov a o voľnom pohybe takýchto údajov, ktorým sa zrušuje smernica 95/46/ES (všeobecné nariadenie o ochrane údajov) dodržiavať mlčanlivosť o osobných údajoch, ako aj o všetkých skutočnostiach o ktorých sa dozvedel pri vykonávaní činností vyplývajúcich z uzatvorenej Rámcovej dohody. Zároveň je povinný o tejto povinnosti preukázateľne poučiť aj svojich zamestnancov. Povinnosť zachovávať mlčanlivosť platí aj po skončení trvania zmluvného vzťahu. V opačnom prípade Objednávateľovi zodpovedá za škodu, ktorá Objednávateľovi vznikne porušením tejto povinnosti.</t>
  </si>
  <si>
    <t>Požaduje sa, aby sa Dodávateľ po uzatvorení zmluvy oboznámil s Etickým kódexom obchodných partnerov Objednávateľa zverejnenom na na internetovej stránke: www.vusch.sk/eticky-kodex/. Požaduje sa dodržiavanie etických zásad uvedených v Etickom kódexe Objednávateľa, pričom v prípade zistenia, že došlo k porušeniu týchto zásad, Objednávateľ si vyhradzuje právo zmluvný vzťah ukončiť v 1-mesačnej výpovednej lehote. Výpovedná lehota začína plynúť 1. kalendárnym dňom mesiaca, nasledujúcom po mesiaci, v ktorom bude písomná výpoveď doručená Dodávateľovi a skončí sa posledným kalendárnym dňom príslušného mesiaca.</t>
  </si>
  <si>
    <t>V prípade, ak sa na predmet zákazky vykonala prípravná trhová konzultácia, informácie k prípravnej trhovej konzultácii verejný obstarávateľ zverejňuje na internetovej stránke: www.vusch.sk/verejne-obstaravanie/</t>
  </si>
  <si>
    <t>Požaduje sa uzatvorenie Rámcovej dohody, a to na dohodnuté zmluvné obdobie 48 kalendárnych mesiacov, resp. do doby naplnenia zmluvného finančného objemu podľa toho, ktorá z uvedených skutočností nastane skôr.</t>
  </si>
  <si>
    <t>3.1</t>
  </si>
  <si>
    <t>3.2</t>
  </si>
  <si>
    <t>3.3</t>
  </si>
  <si>
    <t>3.4</t>
  </si>
  <si>
    <t>3.5</t>
  </si>
  <si>
    <t>5.</t>
  </si>
  <si>
    <t>6.</t>
  </si>
  <si>
    <t>7.</t>
  </si>
  <si>
    <t>8.</t>
  </si>
  <si>
    <t>9.</t>
  </si>
  <si>
    <t>10.</t>
  </si>
  <si>
    <t>11.</t>
  </si>
  <si>
    <t>12.</t>
  </si>
  <si>
    <t>12.1.</t>
  </si>
  <si>
    <t>13.</t>
  </si>
  <si>
    <t>14.</t>
  </si>
  <si>
    <t>15.</t>
  </si>
  <si>
    <t>16.</t>
  </si>
  <si>
    <t>17.</t>
  </si>
  <si>
    <t>18.</t>
  </si>
  <si>
    <t>19.</t>
  </si>
  <si>
    <t>20.</t>
  </si>
  <si>
    <t>21.</t>
  </si>
  <si>
    <t xml:space="preserve"> Kardiostimulátor dvojdutinový</t>
  </si>
  <si>
    <t xml:space="preserve">Kardiostimulátor dvojdutinový. </t>
  </si>
  <si>
    <t xml:space="preserve">Implantabilný slučkový rekordér. </t>
  </si>
  <si>
    <t>Domáci monitor.</t>
  </si>
  <si>
    <t xml:space="preserve">Zavádzací set pre implantáciu ľavokomorovej elektródy  </t>
  </si>
  <si>
    <t xml:space="preserve">Domáci monitor. </t>
  </si>
  <si>
    <t>Časť č. 2 - Špeciálny zdravotnícky materiál pre elektroimpulzoterapiu porúch srdcového rytmu a srdcového zlyhávania skupiny 2</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16" x14ac:knownFonts="1">
    <font>
      <sz val="11"/>
      <color theme="1"/>
      <name val="Calibri"/>
      <family val="2"/>
      <charset val="238"/>
      <scheme val="minor"/>
    </font>
    <font>
      <sz val="11"/>
      <color theme="1"/>
      <name val="Calibri"/>
      <family val="2"/>
      <charset val="238"/>
      <scheme val="minor"/>
    </font>
    <font>
      <sz val="10"/>
      <color theme="1"/>
      <name val="Arial"/>
      <family val="2"/>
      <charset val="238"/>
    </font>
    <font>
      <b/>
      <sz val="10"/>
      <color theme="1"/>
      <name val="Arial"/>
      <family val="2"/>
      <charset val="238"/>
    </font>
    <font>
      <sz val="10"/>
      <name val="Arial"/>
      <family val="2"/>
      <charset val="238"/>
    </font>
    <font>
      <b/>
      <sz val="10"/>
      <name val="Arial"/>
      <family val="2"/>
      <charset val="238"/>
    </font>
    <font>
      <sz val="9"/>
      <color theme="1"/>
      <name val="Arial"/>
      <family val="2"/>
      <charset val="238"/>
    </font>
    <font>
      <b/>
      <sz val="11"/>
      <color theme="1"/>
      <name val="Calibri"/>
      <family val="2"/>
      <charset val="238"/>
      <scheme val="minor"/>
    </font>
    <font>
      <b/>
      <sz val="10"/>
      <color rgb="FFFF0000"/>
      <name val="Arial"/>
      <family val="2"/>
      <charset val="238"/>
    </font>
    <font>
      <sz val="10"/>
      <color rgb="FFFF0000"/>
      <name val="Arial"/>
      <family val="2"/>
      <charset val="238"/>
    </font>
    <font>
      <b/>
      <sz val="9"/>
      <color theme="1"/>
      <name val="Arial"/>
      <family val="2"/>
      <charset val="238"/>
    </font>
    <font>
      <sz val="11"/>
      <color theme="1"/>
      <name val="Times New Roman"/>
      <family val="1"/>
      <charset val="238"/>
    </font>
    <font>
      <sz val="10"/>
      <color rgb="FF000000"/>
      <name val="Arial"/>
      <family val="2"/>
      <charset val="238"/>
    </font>
    <font>
      <i/>
      <sz val="10"/>
      <color rgb="FF000000"/>
      <name val="Arial"/>
      <family val="2"/>
      <charset val="238"/>
    </font>
    <font>
      <i/>
      <sz val="10"/>
      <name val="Arial"/>
      <family val="2"/>
      <charset val="238"/>
    </font>
    <font>
      <i/>
      <sz val="10"/>
      <color theme="1"/>
      <name val="Arial"/>
      <family val="2"/>
      <charset val="238"/>
    </font>
  </fonts>
  <fills count="8">
    <fill>
      <patternFill patternType="none"/>
    </fill>
    <fill>
      <patternFill patternType="gray125"/>
    </fill>
    <fill>
      <patternFill patternType="solid">
        <fgColor theme="7" tint="0.79998168889431442"/>
        <bgColor indexed="64"/>
      </patternFill>
    </fill>
    <fill>
      <patternFill patternType="solid">
        <fgColor theme="2"/>
        <bgColor indexed="64"/>
      </patternFill>
    </fill>
    <fill>
      <patternFill patternType="solid">
        <fgColor theme="4" tint="0.59999389629810485"/>
        <bgColor indexed="64"/>
      </patternFill>
    </fill>
    <fill>
      <patternFill patternType="solid">
        <fgColor theme="0" tint="-4.9989318521683403E-2"/>
        <bgColor indexed="64"/>
      </patternFill>
    </fill>
    <fill>
      <patternFill patternType="solid">
        <fgColor rgb="FFFFFF00"/>
        <bgColor indexed="64"/>
      </patternFill>
    </fill>
    <fill>
      <patternFill patternType="solid">
        <fgColor theme="0"/>
        <bgColor indexed="64"/>
      </patternFill>
    </fill>
  </fills>
  <borders count="61">
    <border>
      <left/>
      <right/>
      <top/>
      <bottom/>
      <diagonal/>
    </border>
    <border>
      <left style="medium">
        <color auto="1"/>
      </left>
      <right/>
      <top style="medium">
        <color auto="1"/>
      </top>
      <bottom/>
      <diagonal/>
    </border>
    <border>
      <left/>
      <right style="medium">
        <color auto="1"/>
      </right>
      <top style="medium">
        <color auto="1"/>
      </top>
      <bottom/>
      <diagonal/>
    </border>
    <border>
      <left style="thin">
        <color auto="1"/>
      </left>
      <right/>
      <top style="thin">
        <color auto="1"/>
      </top>
      <bottom style="thin">
        <color auto="1"/>
      </bottom>
      <diagonal/>
    </border>
    <border>
      <left/>
      <right style="thin">
        <color auto="1"/>
      </right>
      <top style="thin">
        <color auto="1"/>
      </top>
      <bottom style="thin">
        <color auto="1"/>
      </bottom>
      <diagonal/>
    </border>
    <border>
      <left/>
      <right/>
      <top/>
      <bottom style="dotted">
        <color auto="1"/>
      </bottom>
      <diagonal/>
    </border>
    <border>
      <left style="medium">
        <color auto="1"/>
      </left>
      <right style="thin">
        <color auto="1"/>
      </right>
      <top style="thin">
        <color auto="1"/>
      </top>
      <bottom style="thin">
        <color auto="1"/>
      </bottom>
      <diagonal/>
    </border>
    <border>
      <left style="thin">
        <color auto="1"/>
      </left>
      <right style="medium">
        <color indexed="64"/>
      </right>
      <top style="thin">
        <color auto="1"/>
      </top>
      <bottom style="thin">
        <color auto="1"/>
      </bottom>
      <diagonal/>
    </border>
    <border>
      <left style="medium">
        <color auto="1"/>
      </left>
      <right/>
      <top style="medium">
        <color auto="1"/>
      </top>
      <bottom style="thin">
        <color auto="1"/>
      </bottom>
      <diagonal/>
    </border>
    <border>
      <left/>
      <right style="medium">
        <color auto="1"/>
      </right>
      <top style="medium">
        <color auto="1"/>
      </top>
      <bottom style="thin">
        <color auto="1"/>
      </bottom>
      <diagonal/>
    </border>
    <border>
      <left style="thin">
        <color auto="1"/>
      </left>
      <right style="thin">
        <color auto="1"/>
      </right>
      <top style="thin">
        <color auto="1"/>
      </top>
      <bottom style="thin">
        <color auto="1"/>
      </bottom>
      <diagonal/>
    </border>
    <border>
      <left/>
      <right/>
      <top style="medium">
        <color auto="1"/>
      </top>
      <bottom style="thin">
        <color auto="1"/>
      </bottom>
      <diagonal/>
    </border>
    <border>
      <left style="thin">
        <color auto="1"/>
      </left>
      <right/>
      <top style="medium">
        <color auto="1"/>
      </top>
      <bottom/>
      <diagonal/>
    </border>
    <border>
      <left style="thin">
        <color auto="1"/>
      </left>
      <right style="dotted">
        <color auto="1"/>
      </right>
      <top style="dotted">
        <color auto="1"/>
      </top>
      <bottom style="medium">
        <color auto="1"/>
      </bottom>
      <diagonal/>
    </border>
    <border>
      <left style="thin">
        <color auto="1"/>
      </left>
      <right style="dotted">
        <color auto="1"/>
      </right>
      <top/>
      <bottom style="dotted">
        <color auto="1"/>
      </bottom>
      <diagonal/>
    </border>
    <border>
      <left/>
      <right/>
      <top style="dotted">
        <color auto="1"/>
      </top>
      <bottom/>
      <diagonal/>
    </border>
    <border>
      <left style="medium">
        <color auto="1"/>
      </left>
      <right style="thin">
        <color auto="1"/>
      </right>
      <top style="thin">
        <color auto="1"/>
      </top>
      <bottom/>
      <diagonal/>
    </border>
    <border>
      <left style="thin">
        <color auto="1"/>
      </left>
      <right style="thin">
        <color auto="1"/>
      </right>
      <top style="thin">
        <color auto="1"/>
      </top>
      <bottom/>
      <diagonal/>
    </border>
    <border>
      <left style="thin">
        <color auto="1"/>
      </left>
      <right style="thin">
        <color auto="1"/>
      </right>
      <top style="thin">
        <color auto="1"/>
      </top>
      <bottom style="dotted">
        <color auto="1"/>
      </bottom>
      <diagonal/>
    </border>
    <border>
      <left style="thin">
        <color auto="1"/>
      </left>
      <right style="medium">
        <color indexed="64"/>
      </right>
      <top style="thin">
        <color auto="1"/>
      </top>
      <bottom style="dotted">
        <color auto="1"/>
      </bottom>
      <diagonal/>
    </border>
    <border>
      <left style="thin">
        <color auto="1"/>
      </left>
      <right style="medium">
        <color indexed="64"/>
      </right>
      <top style="dotted">
        <color auto="1"/>
      </top>
      <bottom style="thin">
        <color auto="1"/>
      </bottom>
      <diagonal/>
    </border>
    <border>
      <left style="thin">
        <color auto="1"/>
      </left>
      <right style="thin">
        <color auto="1"/>
      </right>
      <top/>
      <bottom style="thin">
        <color auto="1"/>
      </bottom>
      <diagonal/>
    </border>
    <border>
      <left style="thin">
        <color auto="1"/>
      </left>
      <right style="thin">
        <color auto="1"/>
      </right>
      <top/>
      <bottom/>
      <diagonal/>
    </border>
    <border>
      <left style="thin">
        <color auto="1"/>
      </left>
      <right style="dotted">
        <color auto="1"/>
      </right>
      <top/>
      <bottom/>
      <diagonal/>
    </border>
    <border>
      <left style="thin">
        <color auto="1"/>
      </left>
      <right style="medium">
        <color indexed="64"/>
      </right>
      <top/>
      <bottom/>
      <diagonal/>
    </border>
    <border>
      <left style="medium">
        <color indexed="64"/>
      </left>
      <right style="thin">
        <color auto="1"/>
      </right>
      <top/>
      <bottom style="thin">
        <color auto="1"/>
      </bottom>
      <diagonal/>
    </border>
    <border>
      <left style="dotted">
        <color auto="1"/>
      </left>
      <right style="medium">
        <color auto="1"/>
      </right>
      <top/>
      <bottom style="thin">
        <color auto="1"/>
      </bottom>
      <diagonal/>
    </border>
    <border>
      <left/>
      <right/>
      <top/>
      <bottom style="thin">
        <color indexed="64"/>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style="thin">
        <color indexed="64"/>
      </right>
      <top/>
      <bottom style="thin">
        <color indexed="64"/>
      </bottom>
      <diagonal/>
    </border>
    <border>
      <left style="thin">
        <color auto="1"/>
      </left>
      <right style="thin">
        <color auto="1"/>
      </right>
      <top/>
      <bottom style="dotted">
        <color auto="1"/>
      </bottom>
      <diagonal/>
    </border>
    <border>
      <left style="thin">
        <color auto="1"/>
      </left>
      <right style="thin">
        <color auto="1"/>
      </right>
      <top style="dotted">
        <color auto="1"/>
      </top>
      <bottom style="dotted">
        <color auto="1"/>
      </bottom>
      <diagonal/>
    </border>
    <border>
      <left style="medium">
        <color auto="1"/>
      </left>
      <right style="thin">
        <color auto="1"/>
      </right>
      <top/>
      <bottom/>
      <diagonal/>
    </border>
    <border>
      <left style="medium">
        <color auto="1"/>
      </left>
      <right style="thin">
        <color auto="1"/>
      </right>
      <top style="thin">
        <color auto="1"/>
      </top>
      <bottom style="dotted">
        <color indexed="64"/>
      </bottom>
      <diagonal/>
    </border>
    <border>
      <left style="medium">
        <color auto="1"/>
      </left>
      <right style="thin">
        <color auto="1"/>
      </right>
      <top style="dotted">
        <color indexed="64"/>
      </top>
      <bottom style="dotted">
        <color indexed="64"/>
      </bottom>
      <diagonal/>
    </border>
    <border>
      <left/>
      <right style="thin">
        <color auto="1"/>
      </right>
      <top style="thin">
        <color auto="1"/>
      </top>
      <bottom/>
      <diagonal/>
    </border>
    <border>
      <left style="dotted">
        <color auto="1"/>
      </left>
      <right style="thin">
        <color auto="1"/>
      </right>
      <top/>
      <bottom style="thin">
        <color auto="1"/>
      </bottom>
      <diagonal/>
    </border>
    <border>
      <left style="medium">
        <color indexed="64"/>
      </left>
      <right style="thin">
        <color auto="1"/>
      </right>
      <top style="thin">
        <color auto="1"/>
      </top>
      <bottom style="medium">
        <color indexed="64"/>
      </bottom>
      <diagonal/>
    </border>
    <border>
      <left/>
      <right style="thin">
        <color auto="1"/>
      </right>
      <top style="thin">
        <color auto="1"/>
      </top>
      <bottom style="medium">
        <color indexed="64"/>
      </bottom>
      <diagonal/>
    </border>
    <border>
      <left style="thin">
        <color auto="1"/>
      </left>
      <right style="thin">
        <color auto="1"/>
      </right>
      <top style="thin">
        <color auto="1"/>
      </top>
      <bottom style="medium">
        <color indexed="64"/>
      </bottom>
      <diagonal/>
    </border>
    <border>
      <left style="thin">
        <color auto="1"/>
      </left>
      <right style="medium">
        <color indexed="64"/>
      </right>
      <top style="thin">
        <color auto="1"/>
      </top>
      <bottom style="medium">
        <color indexed="64"/>
      </bottom>
      <diagonal/>
    </border>
    <border>
      <left style="thin">
        <color auto="1"/>
      </left>
      <right style="dotted">
        <color auto="1"/>
      </right>
      <top/>
      <bottom style="medium">
        <color indexed="64"/>
      </bottom>
      <diagonal/>
    </border>
    <border>
      <left style="dotted">
        <color auto="1"/>
      </left>
      <right style="medium">
        <color indexed="64"/>
      </right>
      <top style="thin">
        <color auto="1"/>
      </top>
      <bottom style="medium">
        <color indexed="64"/>
      </bottom>
      <diagonal/>
    </border>
    <border>
      <left style="thin">
        <color auto="1"/>
      </left>
      <right style="medium">
        <color indexed="64"/>
      </right>
      <top style="dotted">
        <color auto="1"/>
      </top>
      <bottom style="dotted">
        <color indexed="64"/>
      </bottom>
      <diagonal/>
    </border>
    <border>
      <left style="thin">
        <color auto="1"/>
      </left>
      <right style="medium">
        <color indexed="64"/>
      </right>
      <top style="dotted">
        <color auto="1"/>
      </top>
      <bottom/>
      <diagonal/>
    </border>
    <border>
      <left style="thin">
        <color auto="1"/>
      </left>
      <right style="medium">
        <color indexed="64"/>
      </right>
      <top style="thin">
        <color auto="1"/>
      </top>
      <bottom/>
      <diagonal/>
    </border>
    <border>
      <left style="medium">
        <color auto="1"/>
      </left>
      <right/>
      <top/>
      <bottom style="thin">
        <color auto="1"/>
      </bottom>
      <diagonal/>
    </border>
    <border>
      <left/>
      <right style="medium">
        <color indexed="64"/>
      </right>
      <top/>
      <bottom style="thin">
        <color auto="1"/>
      </bottom>
      <diagonal/>
    </border>
    <border>
      <left/>
      <right style="thin">
        <color auto="1"/>
      </right>
      <top style="dotted">
        <color auto="1"/>
      </top>
      <bottom style="thin">
        <color indexed="64"/>
      </bottom>
      <diagonal/>
    </border>
    <border>
      <left/>
      <right/>
      <top style="thin">
        <color auto="1"/>
      </top>
      <bottom style="thin">
        <color auto="1"/>
      </bottom>
      <diagonal/>
    </border>
    <border>
      <left style="medium">
        <color indexed="64"/>
      </left>
      <right style="thin">
        <color auto="1"/>
      </right>
      <top/>
      <bottom style="medium">
        <color indexed="64"/>
      </bottom>
      <diagonal/>
    </border>
    <border>
      <left style="dotted">
        <color auto="1"/>
      </left>
      <right style="thin">
        <color auto="1"/>
      </right>
      <top/>
      <bottom style="medium">
        <color indexed="64"/>
      </bottom>
      <diagonal/>
    </border>
    <border>
      <left style="dotted">
        <color auto="1"/>
      </left>
      <right style="thin">
        <color auto="1"/>
      </right>
      <top style="thin">
        <color auto="1"/>
      </top>
      <bottom style="thin">
        <color indexed="64"/>
      </bottom>
      <diagonal/>
    </border>
    <border>
      <left style="thin">
        <color auto="1"/>
      </left>
      <right style="dotted">
        <color auto="1"/>
      </right>
      <top style="dotted">
        <color auto="1"/>
      </top>
      <bottom style="dotted">
        <color indexed="64"/>
      </bottom>
      <diagonal/>
    </border>
    <border>
      <left style="dotted">
        <color auto="1"/>
      </left>
      <right style="medium">
        <color auto="1"/>
      </right>
      <top style="dotted">
        <color auto="1"/>
      </top>
      <bottom style="dotted">
        <color indexed="64"/>
      </bottom>
      <diagonal/>
    </border>
    <border>
      <left style="thin">
        <color auto="1"/>
      </left>
      <right style="medium">
        <color indexed="64"/>
      </right>
      <top/>
      <bottom style="thin">
        <color auto="1"/>
      </bottom>
      <diagonal/>
    </border>
    <border>
      <left/>
      <right style="thin">
        <color auto="1"/>
      </right>
      <top style="medium">
        <color auto="1"/>
      </top>
      <bottom/>
      <diagonal/>
    </border>
    <border>
      <left style="dotted">
        <color auto="1"/>
      </left>
      <right style="medium">
        <color auto="1"/>
      </right>
      <top style="dotted">
        <color auto="1"/>
      </top>
      <bottom style="thin">
        <color indexed="64"/>
      </bottom>
      <diagonal/>
    </border>
    <border>
      <left style="thin">
        <color auto="1"/>
      </left>
      <right style="dotted">
        <color auto="1"/>
      </right>
      <top style="dotted">
        <color auto="1"/>
      </top>
      <bottom style="thin">
        <color indexed="64"/>
      </bottom>
      <diagonal/>
    </border>
  </borders>
  <cellStyleXfs count="7">
    <xf numFmtId="0" fontId="0" fillId="0" borderId="0"/>
    <xf numFmtId="0" fontId="4" fillId="0" borderId="0"/>
    <xf numFmtId="0" fontId="4" fillId="0" borderId="0"/>
    <xf numFmtId="0" fontId="1" fillId="0" borderId="0"/>
    <xf numFmtId="0" fontId="4" fillId="0" borderId="0"/>
    <xf numFmtId="0" fontId="1" fillId="0" borderId="0"/>
    <xf numFmtId="9" fontId="1" fillId="0" borderId="0" applyFont="0" applyFill="0" applyBorder="0" applyAlignment="0" applyProtection="0"/>
  </cellStyleXfs>
  <cellXfs count="246">
    <xf numFmtId="0" fontId="0" fillId="0" borderId="0" xfId="0"/>
    <xf numFmtId="0" fontId="2" fillId="0" borderId="0" xfId="0" applyFont="1" applyAlignment="1">
      <alignment wrapText="1"/>
    </xf>
    <xf numFmtId="0" fontId="2" fillId="0" borderId="0" xfId="0" applyFont="1" applyAlignment="1">
      <alignment vertical="center" wrapText="1"/>
    </xf>
    <xf numFmtId="0" fontId="2" fillId="0" borderId="0" xfId="0" applyFont="1" applyAlignment="1">
      <alignment vertical="top" wrapText="1"/>
    </xf>
    <xf numFmtId="0" fontId="2" fillId="0" borderId="0" xfId="0" applyFont="1" applyAlignment="1">
      <alignment vertical="center"/>
    </xf>
    <xf numFmtId="49" fontId="5" fillId="0" borderId="0" xfId="1" applyNumberFormat="1" applyFont="1" applyBorder="1" applyAlignment="1">
      <alignment horizontal="left" vertical="top" wrapText="1"/>
    </xf>
    <xf numFmtId="0" fontId="2" fillId="0" borderId="0" xfId="0" applyFont="1" applyAlignment="1">
      <alignment horizontal="center" vertical="center" wrapText="1"/>
    </xf>
    <xf numFmtId="49" fontId="5" fillId="0" borderId="0" xfId="1" applyNumberFormat="1" applyFont="1" applyBorder="1" applyAlignment="1">
      <alignment horizontal="center" vertical="top" wrapText="1"/>
    </xf>
    <xf numFmtId="0" fontId="2" fillId="0" borderId="0" xfId="0" applyFont="1" applyAlignment="1">
      <alignment horizontal="center" wrapText="1"/>
    </xf>
    <xf numFmtId="0" fontId="2" fillId="0" borderId="0" xfId="0" applyFont="1" applyFill="1" applyAlignment="1">
      <alignment vertical="center" wrapText="1"/>
    </xf>
    <xf numFmtId="0" fontId="6" fillId="0" borderId="0" xfId="5" applyFont="1" applyAlignment="1">
      <alignment wrapText="1"/>
    </xf>
    <xf numFmtId="0" fontId="2" fillId="0" borderId="0" xfId="0" applyFont="1" applyFill="1" applyAlignment="1">
      <alignment horizontal="left" vertical="center" wrapText="1"/>
    </xf>
    <xf numFmtId="49" fontId="3" fillId="0" borderId="0" xfId="0" applyNumberFormat="1" applyFont="1" applyFill="1" applyAlignment="1">
      <alignment horizontal="left" vertical="center" wrapText="1"/>
    </xf>
    <xf numFmtId="0" fontId="9" fillId="0" borderId="0" xfId="0" applyFont="1" applyAlignment="1">
      <alignment horizontal="center" vertical="top" wrapText="1"/>
    </xf>
    <xf numFmtId="16" fontId="5" fillId="0" borderId="0" xfId="0" applyNumberFormat="1" applyFont="1" applyFill="1" applyAlignment="1">
      <alignment wrapText="1"/>
    </xf>
    <xf numFmtId="16" fontId="8" fillId="0" borderId="0" xfId="0" applyNumberFormat="1" applyFont="1" applyFill="1" applyAlignment="1">
      <alignment wrapText="1"/>
    </xf>
    <xf numFmtId="0" fontId="8" fillId="0" borderId="0" xfId="0" applyFont="1" applyAlignment="1">
      <alignment horizontal="center" vertical="center" wrapText="1"/>
    </xf>
    <xf numFmtId="49" fontId="2" fillId="2" borderId="13" xfId="0" applyNumberFormat="1" applyFont="1" applyFill="1" applyBorder="1" applyAlignment="1">
      <alignment horizontal="center" vertical="center" wrapText="1"/>
    </xf>
    <xf numFmtId="0" fontId="3" fillId="0" borderId="0" xfId="0" applyFont="1" applyAlignment="1">
      <alignment vertical="center"/>
    </xf>
    <xf numFmtId="0" fontId="4" fillId="0" borderId="10" xfId="0" applyFont="1" applyFill="1" applyBorder="1" applyAlignment="1">
      <alignment horizontal="left" vertical="center" wrapText="1"/>
    </xf>
    <xf numFmtId="0" fontId="9" fillId="0" borderId="0" xfId="0" applyFont="1" applyAlignment="1">
      <alignment vertical="center" wrapText="1"/>
    </xf>
    <xf numFmtId="0" fontId="6" fillId="0" borderId="0" xfId="0" applyNumberFormat="1" applyFont="1" applyBorder="1" applyAlignment="1">
      <alignment wrapText="1"/>
    </xf>
    <xf numFmtId="0" fontId="6" fillId="0" borderId="0" xfId="0" applyFont="1" applyAlignment="1">
      <alignment horizontal="right"/>
    </xf>
    <xf numFmtId="0" fontId="6" fillId="0" borderId="0" xfId="0" applyFont="1" applyAlignment="1">
      <alignment wrapText="1"/>
    </xf>
    <xf numFmtId="0" fontId="11" fillId="0" borderId="15" xfId="0" applyFont="1" applyBorder="1" applyAlignment="1">
      <alignment wrapText="1"/>
    </xf>
    <xf numFmtId="0" fontId="6" fillId="0" borderId="0" xfId="0" applyFont="1" applyAlignment="1">
      <alignment horizontal="right" vertical="center"/>
    </xf>
    <xf numFmtId="0" fontId="6" fillId="0" borderId="0" xfId="0" applyFont="1" applyAlignment="1">
      <alignment horizontal="right" vertical="center" wrapText="1"/>
    </xf>
    <xf numFmtId="0" fontId="2" fillId="0" borderId="0" xfId="0" applyFont="1" applyFill="1" applyAlignment="1">
      <alignment horizontal="center" vertical="center" wrapText="1"/>
    </xf>
    <xf numFmtId="0" fontId="4" fillId="0" borderId="0" xfId="0" applyNumberFormat="1" applyFont="1" applyAlignment="1">
      <alignment horizontal="left" vertical="top" wrapText="1"/>
    </xf>
    <xf numFmtId="0" fontId="6" fillId="0" borderId="14" xfId="0" applyNumberFormat="1" applyFont="1" applyBorder="1" applyAlignment="1">
      <alignment horizontal="center" vertical="center" wrapText="1"/>
    </xf>
    <xf numFmtId="0" fontId="10" fillId="2" borderId="10" xfId="0" applyNumberFormat="1" applyFont="1" applyFill="1" applyBorder="1" applyAlignment="1">
      <alignment horizontal="left" vertical="center" wrapText="1"/>
    </xf>
    <xf numFmtId="0" fontId="6" fillId="2" borderId="10" xfId="0" applyNumberFormat="1" applyFont="1" applyFill="1" applyBorder="1" applyAlignment="1">
      <alignment horizontal="left" vertical="center" wrapText="1"/>
    </xf>
    <xf numFmtId="49" fontId="4" fillId="0" borderId="10" xfId="0" applyNumberFormat="1" applyFont="1" applyFill="1" applyBorder="1" applyAlignment="1">
      <alignment horizontal="left" vertical="center" wrapText="1"/>
    </xf>
    <xf numFmtId="49" fontId="2" fillId="0" borderId="6" xfId="0" applyNumberFormat="1" applyFont="1" applyBorder="1" applyAlignment="1">
      <alignment horizontal="center" vertical="center"/>
    </xf>
    <xf numFmtId="16" fontId="5" fillId="0" borderId="0" xfId="0" applyNumberFormat="1" applyFont="1" applyFill="1" applyAlignment="1">
      <alignment horizontal="left" vertical="top" wrapText="1"/>
    </xf>
    <xf numFmtId="0" fontId="4" fillId="0" borderId="0" xfId="0" applyNumberFormat="1" applyFont="1" applyFill="1" applyAlignment="1">
      <alignment horizontal="left" vertical="top" wrapText="1"/>
    </xf>
    <xf numFmtId="49" fontId="4" fillId="0" borderId="17" xfId="0" applyNumberFormat="1" applyFont="1" applyFill="1" applyBorder="1" applyAlignment="1">
      <alignment horizontal="left" vertical="center" wrapText="1"/>
    </xf>
    <xf numFmtId="49" fontId="2" fillId="0" borderId="6" xfId="0" applyNumberFormat="1" applyFont="1" applyFill="1" applyBorder="1" applyAlignment="1">
      <alignment horizontal="center" vertical="center" wrapText="1"/>
    </xf>
    <xf numFmtId="0" fontId="2" fillId="0" borderId="10" xfId="0" applyNumberFormat="1" applyFont="1" applyBorder="1" applyAlignment="1">
      <alignment horizontal="center" vertical="center" wrapText="1"/>
    </xf>
    <xf numFmtId="0" fontId="2" fillId="0" borderId="18" xfId="0" applyNumberFormat="1" applyFont="1" applyBorder="1" applyAlignment="1">
      <alignment horizontal="center" vertical="center" wrapText="1"/>
    </xf>
    <xf numFmtId="49" fontId="2" fillId="0" borderId="16" xfId="0" applyNumberFormat="1" applyFont="1" applyBorder="1" applyAlignment="1">
      <alignment horizontal="center" vertical="center"/>
    </xf>
    <xf numFmtId="0" fontId="6" fillId="0" borderId="23" xfId="0" applyNumberFormat="1" applyFont="1" applyBorder="1" applyAlignment="1">
      <alignment horizontal="center" vertical="center" wrapText="1"/>
    </xf>
    <xf numFmtId="49" fontId="2" fillId="0" borderId="7" xfId="0" applyNumberFormat="1" applyFont="1" applyBorder="1" applyAlignment="1">
      <alignment horizontal="left" vertical="center" wrapText="1"/>
    </xf>
    <xf numFmtId="49" fontId="2" fillId="0" borderId="19" xfId="0" applyNumberFormat="1" applyFont="1" applyBorder="1" applyAlignment="1">
      <alignment horizontal="left" vertical="center" wrapText="1"/>
    </xf>
    <xf numFmtId="0" fontId="11" fillId="0" borderId="5" xfId="0" applyFont="1" applyBorder="1" applyAlignment="1">
      <alignment horizontal="center"/>
    </xf>
    <xf numFmtId="0" fontId="10" fillId="0" borderId="0" xfId="0" applyNumberFormat="1" applyFont="1" applyBorder="1" applyAlignment="1">
      <alignment horizontal="left" vertical="center" wrapText="1"/>
    </xf>
    <xf numFmtId="0" fontId="6" fillId="0" borderId="0" xfId="0" applyNumberFormat="1" applyFont="1" applyBorder="1" applyAlignment="1">
      <alignment horizontal="left" vertical="center" wrapText="1"/>
    </xf>
    <xf numFmtId="0" fontId="2" fillId="0" borderId="10" xfId="0" applyFont="1" applyFill="1" applyBorder="1" applyAlignment="1">
      <alignment horizontal="left" vertical="center" wrapText="1"/>
    </xf>
    <xf numFmtId="0" fontId="2" fillId="0" borderId="7" xfId="0" applyFont="1" applyFill="1" applyBorder="1" applyAlignment="1">
      <alignment horizontal="left" vertical="center" wrapText="1"/>
    </xf>
    <xf numFmtId="49" fontId="4" fillId="0" borderId="10" xfId="0" applyNumberFormat="1" applyFont="1" applyFill="1" applyBorder="1" applyAlignment="1">
      <alignment vertical="center" wrapText="1"/>
    </xf>
    <xf numFmtId="0" fontId="2" fillId="0" borderId="22" xfId="0" applyNumberFormat="1" applyFont="1" applyBorder="1" applyAlignment="1">
      <alignment horizontal="center" vertical="center" wrapText="1"/>
    </xf>
    <xf numFmtId="49" fontId="2" fillId="0" borderId="7" xfId="0" applyNumberFormat="1" applyFont="1" applyBorder="1" applyAlignment="1">
      <alignment horizontal="center" vertical="center" wrapText="1"/>
    </xf>
    <xf numFmtId="0" fontId="2" fillId="0" borderId="26" xfId="0" applyFont="1" applyFill="1" applyBorder="1" applyAlignment="1">
      <alignment horizontal="left" vertical="center" wrapText="1"/>
    </xf>
    <xf numFmtId="0" fontId="0" fillId="6" borderId="0" xfId="0" applyFill="1"/>
    <xf numFmtId="0" fontId="2" fillId="0" borderId="0" xfId="0" applyFont="1" applyAlignment="1">
      <alignment horizontal="center" vertical="center" wrapText="1"/>
    </xf>
    <xf numFmtId="0" fontId="2" fillId="0" borderId="24" xfId="0" applyFont="1" applyFill="1" applyBorder="1" applyAlignment="1">
      <alignment horizontal="left" vertical="center" wrapText="1"/>
    </xf>
    <xf numFmtId="49" fontId="3" fillId="0" borderId="0" xfId="0" applyNumberFormat="1" applyFont="1" applyFill="1" applyAlignment="1">
      <alignment horizontal="left" vertical="center" wrapText="1"/>
    </xf>
    <xf numFmtId="0" fontId="2" fillId="0" borderId="0" xfId="0" applyFont="1" applyAlignment="1">
      <alignment horizontal="center" vertical="center" wrapText="1"/>
    </xf>
    <xf numFmtId="0" fontId="2" fillId="0" borderId="0" xfId="0" applyFont="1" applyAlignment="1">
      <alignment horizontal="center" vertical="center" wrapText="1"/>
    </xf>
    <xf numFmtId="3" fontId="2" fillId="0" borderId="0" xfId="0" applyNumberFormat="1" applyFont="1" applyBorder="1" applyAlignment="1">
      <alignment horizontal="center" vertical="center" wrapText="1"/>
    </xf>
    <xf numFmtId="3" fontId="2" fillId="0" borderId="27" xfId="0" applyNumberFormat="1" applyFont="1" applyBorder="1" applyAlignment="1">
      <alignment horizontal="center" vertical="center" wrapText="1"/>
    </xf>
    <xf numFmtId="3" fontId="2" fillId="0" borderId="29" xfId="0" applyNumberFormat="1" applyFont="1" applyFill="1" applyBorder="1" applyAlignment="1">
      <alignment horizontal="center" vertical="center" wrapText="1"/>
    </xf>
    <xf numFmtId="0" fontId="2" fillId="7" borderId="0" xfId="0" applyFont="1" applyFill="1" applyBorder="1" applyAlignment="1">
      <alignment horizontal="center" vertical="center" wrapText="1"/>
    </xf>
    <xf numFmtId="0" fontId="2" fillId="7" borderId="29" xfId="0" applyFont="1" applyFill="1" applyBorder="1" applyAlignment="1">
      <alignment horizontal="center" vertical="center" wrapText="1"/>
    </xf>
    <xf numFmtId="0" fontId="2" fillId="0" borderId="0" xfId="0" applyFont="1" applyBorder="1" applyAlignment="1">
      <alignment vertical="center" wrapText="1"/>
    </xf>
    <xf numFmtId="0" fontId="3" fillId="0" borderId="29" xfId="0" applyFont="1" applyBorder="1" applyAlignment="1">
      <alignment horizontal="center" vertical="center" wrapText="1"/>
    </xf>
    <xf numFmtId="0" fontId="4" fillId="0" borderId="18" xfId="0" applyFont="1" applyFill="1" applyBorder="1" applyAlignment="1">
      <alignment horizontal="left" vertical="center" wrapText="1"/>
    </xf>
    <xf numFmtId="0" fontId="4" fillId="7" borderId="32" xfId="0" applyFont="1" applyFill="1" applyBorder="1" applyAlignment="1">
      <alignment horizontal="left" vertical="center" wrapText="1"/>
    </xf>
    <xf numFmtId="0" fontId="4" fillId="0" borderId="22" xfId="0" applyFont="1" applyFill="1" applyBorder="1" applyAlignment="1">
      <alignment horizontal="left" vertical="center" wrapText="1"/>
    </xf>
    <xf numFmtId="0" fontId="4" fillId="0" borderId="33" xfId="0" applyFont="1" applyFill="1" applyBorder="1" applyAlignment="1">
      <alignment horizontal="left" vertical="center" wrapText="1"/>
    </xf>
    <xf numFmtId="0" fontId="4" fillId="0" borderId="21" xfId="0" applyFont="1" applyFill="1" applyBorder="1" applyAlignment="1">
      <alignment horizontal="left" vertical="center" wrapText="1"/>
    </xf>
    <xf numFmtId="0" fontId="12" fillId="7" borderId="0" xfId="0" applyFont="1" applyFill="1" applyBorder="1" applyAlignment="1">
      <alignment horizontal="justify" vertical="center"/>
    </xf>
    <xf numFmtId="0" fontId="4" fillId="7" borderId="10" xfId="0" applyFont="1" applyFill="1" applyBorder="1" applyAlignment="1">
      <alignment horizontal="left" vertical="center" wrapText="1"/>
    </xf>
    <xf numFmtId="0" fontId="4" fillId="0" borderId="32" xfId="0" applyFont="1" applyFill="1" applyBorder="1" applyAlignment="1">
      <alignment horizontal="left" vertical="center" wrapText="1"/>
    </xf>
    <xf numFmtId="0" fontId="4" fillId="0" borderId="3" xfId="0" applyFont="1" applyFill="1" applyBorder="1" applyAlignment="1">
      <alignment horizontal="left" vertical="center" wrapText="1"/>
    </xf>
    <xf numFmtId="0" fontId="4" fillId="7" borderId="17" xfId="0" applyFont="1" applyFill="1" applyBorder="1" applyAlignment="1">
      <alignment horizontal="left" vertical="center" wrapText="1"/>
    </xf>
    <xf numFmtId="49" fontId="2" fillId="0" borderId="25" xfId="0" applyNumberFormat="1" applyFont="1" applyFill="1" applyBorder="1" applyAlignment="1">
      <alignment horizontal="right" vertical="center" wrapText="1"/>
    </xf>
    <xf numFmtId="49" fontId="2" fillId="0" borderId="36" xfId="0" applyNumberFormat="1" applyFont="1" applyFill="1" applyBorder="1" applyAlignment="1">
      <alignment horizontal="right" vertical="center" wrapText="1"/>
    </xf>
    <xf numFmtId="49" fontId="2" fillId="0" borderId="35" xfId="0" applyNumberFormat="1" applyFont="1" applyFill="1" applyBorder="1" applyAlignment="1">
      <alignment horizontal="center" vertical="center" wrapText="1"/>
    </xf>
    <xf numFmtId="0" fontId="12" fillId="0" borderId="0" xfId="0" applyFont="1" applyBorder="1" applyAlignment="1">
      <alignment vertical="center" wrapText="1"/>
    </xf>
    <xf numFmtId="0" fontId="2" fillId="0" borderId="0" xfId="0" applyFont="1" applyBorder="1" applyAlignment="1">
      <alignment horizontal="left" vertical="center" wrapText="1"/>
    </xf>
    <xf numFmtId="0" fontId="2" fillId="0" borderId="0" xfId="0" applyFont="1" applyAlignment="1">
      <alignment horizontal="center" vertical="center" wrapText="1"/>
    </xf>
    <xf numFmtId="49" fontId="2" fillId="0" borderId="4" xfId="0" applyNumberFormat="1" applyFont="1" applyBorder="1" applyAlignment="1">
      <alignment vertical="center" wrapText="1"/>
    </xf>
    <xf numFmtId="3" fontId="2" fillId="0" borderId="0" xfId="0" applyNumberFormat="1" applyFont="1" applyFill="1" applyBorder="1" applyAlignment="1">
      <alignment horizontal="center" vertical="center" wrapText="1"/>
    </xf>
    <xf numFmtId="0" fontId="3" fillId="0" borderId="0" xfId="0" applyFont="1" applyBorder="1" applyAlignment="1">
      <alignment horizontal="right" vertical="center" wrapText="1"/>
    </xf>
    <xf numFmtId="49" fontId="2" fillId="0" borderId="0" xfId="0" applyNumberFormat="1" applyFont="1" applyFill="1" applyBorder="1" applyAlignment="1">
      <alignment horizontal="center" vertical="center" wrapText="1"/>
    </xf>
    <xf numFmtId="0" fontId="4" fillId="0" borderId="0" xfId="0" applyFont="1" applyFill="1" applyBorder="1" applyAlignment="1">
      <alignment horizontal="left" vertical="center" wrapText="1"/>
    </xf>
    <xf numFmtId="16" fontId="5" fillId="0" borderId="0" xfId="0" applyNumberFormat="1" applyFont="1" applyFill="1" applyAlignment="1">
      <alignment horizontal="left" vertical="top" wrapText="1"/>
    </xf>
    <xf numFmtId="0" fontId="2" fillId="0" borderId="27" xfId="0" applyFont="1" applyBorder="1" applyAlignment="1">
      <alignment horizontal="left" vertical="center" wrapText="1"/>
    </xf>
    <xf numFmtId="3" fontId="3" fillId="0" borderId="31" xfId="0" applyNumberFormat="1" applyFont="1" applyFill="1" applyBorder="1" applyAlignment="1">
      <alignment horizontal="center" vertical="center" wrapText="1"/>
    </xf>
    <xf numFmtId="16" fontId="5" fillId="0" borderId="0" xfId="0" applyNumberFormat="1" applyFont="1" applyFill="1" applyAlignment="1">
      <alignment horizontal="left" vertical="top" wrapText="1"/>
    </xf>
    <xf numFmtId="49" fontId="4" fillId="0" borderId="4" xfId="0" applyNumberFormat="1" applyFont="1" applyFill="1" applyBorder="1" applyAlignment="1">
      <alignment vertical="center" wrapText="1"/>
    </xf>
    <xf numFmtId="0" fontId="2" fillId="0" borderId="10" xfId="0" applyFont="1" applyBorder="1" applyAlignment="1">
      <alignment vertical="center" wrapText="1"/>
    </xf>
    <xf numFmtId="0" fontId="2" fillId="0" borderId="10" xfId="0" applyNumberFormat="1" applyFont="1" applyBorder="1" applyAlignment="1">
      <alignment vertical="center" wrapText="1"/>
    </xf>
    <xf numFmtId="49" fontId="2" fillId="0" borderId="7" xfId="0" applyNumberFormat="1" applyFont="1" applyBorder="1" applyAlignment="1">
      <alignment vertical="center" wrapText="1"/>
    </xf>
    <xf numFmtId="49" fontId="4" fillId="0" borderId="10" xfId="0" applyNumberFormat="1" applyFont="1" applyBorder="1" applyAlignment="1">
      <alignment vertical="center" wrapText="1"/>
    </xf>
    <xf numFmtId="0" fontId="2" fillId="0" borderId="41" xfId="0" applyNumberFormat="1" applyFont="1" applyBorder="1" applyAlignment="1">
      <alignment horizontal="center" vertical="center" wrapText="1"/>
    </xf>
    <xf numFmtId="49" fontId="2" fillId="0" borderId="42" xfId="0" applyNumberFormat="1" applyFont="1" applyBorder="1" applyAlignment="1">
      <alignment horizontal="left" vertical="center" wrapText="1"/>
    </xf>
    <xf numFmtId="3" fontId="2" fillId="7" borderId="29" xfId="0" applyNumberFormat="1" applyFont="1" applyFill="1" applyBorder="1" applyAlignment="1">
      <alignment horizontal="center" vertical="center" wrapText="1"/>
    </xf>
    <xf numFmtId="3" fontId="3" fillId="0" borderId="29" xfId="0" applyNumberFormat="1" applyFont="1" applyBorder="1" applyAlignment="1">
      <alignment horizontal="center" vertical="center" wrapText="1"/>
    </xf>
    <xf numFmtId="0" fontId="3" fillId="2" borderId="3" xfId="0" applyFont="1" applyFill="1" applyBorder="1" applyAlignment="1">
      <alignment vertical="top" wrapText="1"/>
    </xf>
    <xf numFmtId="0" fontId="3" fillId="2" borderId="4" xfId="0" applyFont="1" applyFill="1" applyBorder="1" applyAlignment="1">
      <alignment vertical="top" wrapText="1"/>
    </xf>
    <xf numFmtId="0" fontId="3" fillId="2" borderId="10" xfId="0" applyFont="1" applyFill="1" applyBorder="1" applyAlignment="1">
      <alignment horizontal="center" vertical="top" wrapText="1"/>
    </xf>
    <xf numFmtId="49" fontId="2" fillId="0" borderId="39" xfId="0" applyNumberFormat="1" applyFont="1" applyFill="1" applyBorder="1" applyAlignment="1">
      <alignment horizontal="center" vertical="center" wrapText="1"/>
    </xf>
    <xf numFmtId="0" fontId="2" fillId="0" borderId="41" xfId="0" applyFont="1" applyFill="1" applyBorder="1" applyAlignment="1">
      <alignment horizontal="left" vertical="center" wrapText="1"/>
    </xf>
    <xf numFmtId="0" fontId="6" fillId="0" borderId="43" xfId="0" applyNumberFormat="1" applyFont="1" applyBorder="1" applyAlignment="1">
      <alignment horizontal="center" vertical="center" wrapText="1"/>
    </xf>
    <xf numFmtId="0" fontId="2" fillId="0" borderId="44" xfId="0" applyFont="1" applyFill="1" applyBorder="1" applyAlignment="1">
      <alignment horizontal="center" vertical="center" wrapText="1"/>
    </xf>
    <xf numFmtId="0" fontId="2" fillId="0" borderId="19" xfId="0" applyFont="1" applyFill="1" applyBorder="1" applyAlignment="1">
      <alignment horizontal="left" vertical="center" wrapText="1"/>
    </xf>
    <xf numFmtId="0" fontId="2" fillId="0" borderId="45" xfId="0" applyFont="1" applyFill="1" applyBorder="1" applyAlignment="1">
      <alignment horizontal="left" vertical="center" wrapText="1"/>
    </xf>
    <xf numFmtId="0" fontId="2" fillId="0" borderId="20" xfId="0" applyFont="1" applyFill="1" applyBorder="1" applyAlignment="1">
      <alignment horizontal="left" vertical="center" wrapText="1"/>
    </xf>
    <xf numFmtId="0" fontId="2" fillId="0" borderId="46" xfId="0" applyFont="1" applyFill="1" applyBorder="1" applyAlignment="1">
      <alignment horizontal="left" vertical="center" wrapText="1"/>
    </xf>
    <xf numFmtId="0" fontId="2" fillId="0" borderId="47" xfId="0" applyFont="1" applyFill="1" applyBorder="1" applyAlignment="1">
      <alignment horizontal="left" vertical="center" wrapText="1"/>
    </xf>
    <xf numFmtId="0" fontId="4" fillId="7" borderId="18" xfId="0" applyFont="1" applyFill="1" applyBorder="1" applyAlignment="1">
      <alignment horizontal="left" vertical="center" wrapText="1"/>
    </xf>
    <xf numFmtId="0" fontId="2" fillId="0" borderId="41" xfId="0" applyNumberFormat="1" applyFont="1" applyBorder="1" applyAlignment="1">
      <alignment vertical="center" wrapText="1"/>
    </xf>
    <xf numFmtId="49" fontId="2" fillId="0" borderId="42" xfId="0" applyNumberFormat="1" applyFont="1" applyBorder="1" applyAlignment="1">
      <alignment vertical="center" wrapText="1"/>
    </xf>
    <xf numFmtId="0" fontId="2" fillId="0" borderId="0" xfId="0" applyFont="1" applyAlignment="1">
      <alignment horizontal="center" vertical="center" wrapText="1"/>
    </xf>
    <xf numFmtId="49" fontId="2" fillId="0" borderId="31" xfId="0" applyNumberFormat="1" applyFont="1" applyBorder="1" applyAlignment="1">
      <alignment horizontal="left" vertical="center" wrapText="1"/>
    </xf>
    <xf numFmtId="49" fontId="2" fillId="0" borderId="6" xfId="0" applyNumberFormat="1" applyFont="1" applyBorder="1" applyAlignment="1">
      <alignment horizontal="left" vertical="center" wrapText="1"/>
    </xf>
    <xf numFmtId="0" fontId="2" fillId="0" borderId="17" xfId="0" applyNumberFormat="1" applyFont="1" applyBorder="1" applyAlignment="1">
      <alignment horizontal="center" vertical="center" wrapText="1"/>
    </xf>
    <xf numFmtId="49" fontId="2" fillId="0" borderId="47" xfId="0" applyNumberFormat="1" applyFont="1" applyBorder="1" applyAlignment="1">
      <alignment horizontal="left" vertical="center" wrapText="1"/>
    </xf>
    <xf numFmtId="0" fontId="4" fillId="0" borderId="0" xfId="2" applyFont="1" applyBorder="1" applyAlignment="1">
      <alignment horizontal="left" vertical="center" wrapText="1"/>
    </xf>
    <xf numFmtId="0" fontId="4" fillId="0" borderId="0" xfId="2" applyFont="1" applyFill="1" applyBorder="1" applyAlignment="1">
      <alignment horizontal="left" vertical="center"/>
    </xf>
    <xf numFmtId="0" fontId="4" fillId="0" borderId="0" xfId="2" applyFont="1" applyBorder="1" applyAlignment="1">
      <alignment horizontal="left" vertical="center"/>
    </xf>
    <xf numFmtId="0" fontId="4" fillId="0" borderId="0" xfId="2" applyFont="1" applyFill="1" applyBorder="1" applyAlignment="1">
      <alignment horizontal="left" vertical="center" wrapText="1"/>
    </xf>
    <xf numFmtId="0" fontId="4" fillId="7" borderId="0" xfId="2" applyFont="1" applyFill="1" applyBorder="1" applyAlignment="1">
      <alignment horizontal="left" vertical="center"/>
    </xf>
    <xf numFmtId="0" fontId="13" fillId="0" borderId="10" xfId="0" applyFont="1" applyBorder="1" applyAlignment="1">
      <alignment vertical="center" wrapText="1"/>
    </xf>
    <xf numFmtId="0" fontId="2" fillId="0" borderId="10" xfId="0" applyNumberFormat="1" applyFont="1" applyBorder="1" applyAlignment="1">
      <alignment horizontal="left" vertical="center" wrapText="1"/>
    </xf>
    <xf numFmtId="49" fontId="14" fillId="0" borderId="17" xfId="0" applyNumberFormat="1" applyFont="1" applyFill="1" applyBorder="1" applyAlignment="1">
      <alignment horizontal="left" vertical="center" wrapText="1"/>
    </xf>
    <xf numFmtId="49" fontId="14" fillId="0" borderId="10" xfId="0" applyNumberFormat="1" applyFont="1" applyBorder="1" applyAlignment="1">
      <alignment vertical="center" wrapText="1"/>
    </xf>
    <xf numFmtId="49" fontId="2" fillId="0" borderId="51" xfId="0" applyNumberFormat="1" applyFont="1" applyBorder="1" applyAlignment="1">
      <alignment horizontal="left" vertical="center" wrapText="1"/>
    </xf>
    <xf numFmtId="0" fontId="2" fillId="0" borderId="10" xfId="0" applyNumberFormat="1" applyFont="1" applyBorder="1" applyAlignment="1">
      <alignment horizontal="left" vertical="top" wrapText="1"/>
    </xf>
    <xf numFmtId="49" fontId="14" fillId="0" borderId="10" xfId="0" applyNumberFormat="1" applyFont="1" applyFill="1" applyBorder="1" applyAlignment="1">
      <alignment horizontal="left" vertical="center" wrapText="1"/>
    </xf>
    <xf numFmtId="0" fontId="15" fillId="0" borderId="10" xfId="0" applyNumberFormat="1" applyFont="1" applyBorder="1" applyAlignment="1">
      <alignment horizontal="left" vertical="center" wrapText="1"/>
    </xf>
    <xf numFmtId="0" fontId="4" fillId="0" borderId="41" xfId="0" applyFont="1" applyFill="1" applyBorder="1" applyAlignment="1">
      <alignment horizontal="left" vertical="center" wrapText="1"/>
    </xf>
    <xf numFmtId="0" fontId="2" fillId="0" borderId="42" xfId="0" applyFont="1" applyFill="1" applyBorder="1" applyAlignment="1">
      <alignment horizontal="left" vertical="center" wrapText="1"/>
    </xf>
    <xf numFmtId="49" fontId="14" fillId="0" borderId="41" xfId="0" applyNumberFormat="1" applyFont="1" applyFill="1" applyBorder="1" applyAlignment="1">
      <alignment horizontal="left" vertical="center" wrapText="1"/>
    </xf>
    <xf numFmtId="49" fontId="14" fillId="0" borderId="41" xfId="0" applyNumberFormat="1" applyFont="1" applyBorder="1" applyAlignment="1">
      <alignment vertical="center" wrapText="1"/>
    </xf>
    <xf numFmtId="49" fontId="15" fillId="0" borderId="31" xfId="0" applyNumberFormat="1" applyFont="1" applyBorder="1" applyAlignment="1">
      <alignment horizontal="left" vertical="center"/>
    </xf>
    <xf numFmtId="0" fontId="15" fillId="0" borderId="10" xfId="0" applyFont="1" applyBorder="1" applyAlignment="1">
      <alignment vertical="center"/>
    </xf>
    <xf numFmtId="49" fontId="15" fillId="0" borderId="21" xfId="0" applyNumberFormat="1" applyFont="1" applyBorder="1" applyAlignment="1">
      <alignment horizontal="left" vertical="center"/>
    </xf>
    <xf numFmtId="49" fontId="14" fillId="0" borderId="50" xfId="0" applyNumberFormat="1" applyFont="1" applyBorder="1" applyAlignment="1">
      <alignment vertical="center" wrapText="1"/>
    </xf>
    <xf numFmtId="49" fontId="14" fillId="0" borderId="38" xfId="0" applyNumberFormat="1" applyFont="1" applyBorder="1" applyAlignment="1">
      <alignment vertical="center" wrapText="1"/>
    </xf>
    <xf numFmtId="0" fontId="14" fillId="0" borderId="10" xfId="2" applyFont="1" applyBorder="1" applyAlignment="1">
      <alignment horizontal="left" vertical="center" wrapText="1"/>
    </xf>
    <xf numFmtId="0" fontId="14" fillId="0" borderId="10" xfId="2" applyFont="1" applyBorder="1" applyAlignment="1">
      <alignment horizontal="left" vertical="center"/>
    </xf>
    <xf numFmtId="0" fontId="14" fillId="7" borderId="10" xfId="2" applyFont="1" applyFill="1" applyBorder="1" applyAlignment="1">
      <alignment horizontal="left" vertical="center"/>
    </xf>
    <xf numFmtId="0" fontId="14" fillId="0" borderId="17" xfId="2" applyFont="1" applyBorder="1" applyAlignment="1">
      <alignment horizontal="left" vertical="center" wrapText="1"/>
    </xf>
    <xf numFmtId="9" fontId="14" fillId="0" borderId="17" xfId="6" applyFont="1" applyFill="1" applyBorder="1" applyAlignment="1">
      <alignment horizontal="left" vertical="center"/>
    </xf>
    <xf numFmtId="9" fontId="14" fillId="0" borderId="10" xfId="6" applyFont="1" applyFill="1" applyBorder="1" applyAlignment="1">
      <alignment horizontal="left" vertical="center"/>
    </xf>
    <xf numFmtId="0" fontId="15" fillId="0" borderId="0" xfId="0" applyFont="1" applyAlignment="1">
      <alignment horizontal="left" vertical="center" wrapText="1"/>
    </xf>
    <xf numFmtId="9" fontId="14" fillId="0" borderId="10" xfId="6" applyFont="1" applyFill="1" applyBorder="1" applyAlignment="1">
      <alignment horizontal="left" vertical="center" wrapText="1"/>
    </xf>
    <xf numFmtId="9" fontId="14" fillId="0" borderId="41" xfId="6" applyFont="1" applyFill="1" applyBorder="1" applyAlignment="1">
      <alignment horizontal="left" vertical="center"/>
    </xf>
    <xf numFmtId="0" fontId="14" fillId="0" borderId="41" xfId="2" applyFont="1" applyBorder="1" applyAlignment="1">
      <alignment horizontal="left" vertical="center" wrapText="1"/>
    </xf>
    <xf numFmtId="0" fontId="2" fillId="7" borderId="0" xfId="0" applyFont="1" applyFill="1" applyAlignment="1">
      <alignment vertical="center" wrapText="1"/>
    </xf>
    <xf numFmtId="0" fontId="2" fillId="7" borderId="0" xfId="0" applyFont="1" applyFill="1" applyAlignment="1">
      <alignment wrapText="1"/>
    </xf>
    <xf numFmtId="0" fontId="2" fillId="7" borderId="0" xfId="0" applyFont="1" applyFill="1" applyAlignment="1">
      <alignment horizontal="left" vertical="center" wrapText="1"/>
    </xf>
    <xf numFmtId="49" fontId="3" fillId="7" borderId="0" xfId="0" applyNumberFormat="1" applyFont="1" applyFill="1" applyAlignment="1">
      <alignment horizontal="left" vertical="center" wrapText="1"/>
    </xf>
    <xf numFmtId="0" fontId="2" fillId="0" borderId="0" xfId="0" applyFont="1" applyAlignment="1">
      <alignment horizontal="center" vertical="center" wrapText="1"/>
    </xf>
    <xf numFmtId="49" fontId="2" fillId="0" borderId="16" xfId="0" applyNumberFormat="1" applyFont="1" applyFill="1" applyBorder="1" applyAlignment="1">
      <alignment horizontal="center" vertical="center" wrapText="1"/>
    </xf>
    <xf numFmtId="49" fontId="2" fillId="0" borderId="25" xfId="0" applyNumberFormat="1" applyFont="1" applyFill="1" applyBorder="1" applyAlignment="1">
      <alignment horizontal="center" vertical="center" wrapText="1"/>
    </xf>
    <xf numFmtId="0" fontId="2" fillId="0" borderId="0" xfId="0" applyFont="1" applyBorder="1" applyAlignment="1">
      <alignment horizontal="left" vertical="center" wrapText="1"/>
    </xf>
    <xf numFmtId="0" fontId="4" fillId="7" borderId="0" xfId="0" applyFont="1" applyFill="1" applyAlignment="1">
      <alignment horizontal="left" vertical="center" wrapText="1"/>
    </xf>
    <xf numFmtId="0" fontId="2" fillId="0" borderId="29" xfId="0" applyFont="1" applyBorder="1" applyAlignment="1">
      <alignment horizontal="center" vertical="center" wrapText="1"/>
    </xf>
    <xf numFmtId="3" fontId="3" fillId="0" borderId="29" xfId="0" applyNumberFormat="1" applyFont="1" applyFill="1" applyBorder="1" applyAlignment="1">
      <alignment horizontal="center" vertical="center" wrapText="1"/>
    </xf>
    <xf numFmtId="0" fontId="2" fillId="7" borderId="0" xfId="0" applyFont="1" applyFill="1" applyBorder="1" applyAlignment="1">
      <alignment horizontal="left" vertical="center" wrapText="1"/>
    </xf>
    <xf numFmtId="0" fontId="4" fillId="7" borderId="0" xfId="2" applyFont="1" applyFill="1" applyBorder="1" applyAlignment="1">
      <alignment horizontal="left" vertical="center" wrapText="1"/>
    </xf>
    <xf numFmtId="9" fontId="4" fillId="0" borderId="0" xfId="6" applyFont="1" applyFill="1" applyBorder="1" applyAlignment="1">
      <alignment horizontal="left" vertical="center" wrapText="1"/>
    </xf>
    <xf numFmtId="9" fontId="4" fillId="7" borderId="0" xfId="6" applyFont="1" applyFill="1" applyBorder="1" applyAlignment="1">
      <alignment horizontal="left" vertical="center" wrapText="1"/>
    </xf>
    <xf numFmtId="49" fontId="14" fillId="0" borderId="53" xfId="0" applyNumberFormat="1" applyFont="1" applyBorder="1" applyAlignment="1">
      <alignment vertical="center" wrapText="1"/>
    </xf>
    <xf numFmtId="49" fontId="14" fillId="0" borderId="54" xfId="0" applyNumberFormat="1" applyFont="1" applyBorder="1" applyAlignment="1">
      <alignment vertical="center" wrapText="1"/>
    </xf>
    <xf numFmtId="0" fontId="14" fillId="0" borderId="10" xfId="2" applyFont="1" applyFill="1" applyBorder="1" applyAlignment="1">
      <alignment horizontal="left" vertical="center"/>
    </xf>
    <xf numFmtId="0" fontId="14" fillId="0" borderId="10" xfId="2" applyFont="1" applyFill="1" applyBorder="1" applyAlignment="1">
      <alignment horizontal="left" vertical="center" wrapText="1"/>
    </xf>
    <xf numFmtId="0" fontId="14" fillId="0" borderId="41" xfId="2" applyFont="1" applyBorder="1" applyAlignment="1">
      <alignment horizontal="left" vertical="center"/>
    </xf>
    <xf numFmtId="0" fontId="14" fillId="0" borderId="33" xfId="2" applyFont="1" applyBorder="1" applyAlignment="1">
      <alignment horizontal="left" vertical="center"/>
    </xf>
    <xf numFmtId="49" fontId="14" fillId="0" borderId="37" xfId="0" applyNumberFormat="1" applyFont="1" applyFill="1" applyBorder="1" applyAlignment="1">
      <alignment horizontal="left" vertical="center" wrapText="1"/>
    </xf>
    <xf numFmtId="49" fontId="15" fillId="0" borderId="40" xfId="0" applyNumberFormat="1" applyFont="1" applyBorder="1" applyAlignment="1">
      <alignment vertical="center" wrapText="1"/>
    </xf>
    <xf numFmtId="0" fontId="2" fillId="0" borderId="21" xfId="0" applyFont="1" applyFill="1" applyBorder="1" applyAlignment="1">
      <alignment horizontal="left" vertical="center" wrapText="1"/>
    </xf>
    <xf numFmtId="49" fontId="2" fillId="2" borderId="55" xfId="0" applyNumberFormat="1" applyFont="1" applyFill="1" applyBorder="1" applyAlignment="1">
      <alignment horizontal="center" vertical="center" wrapText="1"/>
    </xf>
    <xf numFmtId="49" fontId="2" fillId="2" borderId="56" xfId="0" applyNumberFormat="1" applyFont="1" applyFill="1" applyBorder="1" applyAlignment="1">
      <alignment horizontal="center" vertical="center" wrapText="1"/>
    </xf>
    <xf numFmtId="0" fontId="2" fillId="0" borderId="57" xfId="0" applyFont="1" applyFill="1" applyBorder="1" applyAlignment="1">
      <alignment horizontal="left" vertical="center" wrapText="1"/>
    </xf>
    <xf numFmtId="49" fontId="2" fillId="0" borderId="6" xfId="0" applyNumberFormat="1" applyFont="1" applyBorder="1" applyAlignment="1">
      <alignment horizontal="left" vertical="center"/>
    </xf>
    <xf numFmtId="0" fontId="4" fillId="0" borderId="0" xfId="0" applyNumberFormat="1" applyFont="1" applyAlignment="1">
      <alignment horizontal="center" vertical="top" wrapText="1"/>
    </xf>
    <xf numFmtId="0" fontId="4" fillId="0" borderId="0" xfId="0" applyNumberFormat="1" applyFont="1" applyFill="1" applyAlignment="1">
      <alignment horizontal="center" vertical="top" wrapText="1"/>
    </xf>
    <xf numFmtId="0" fontId="2" fillId="7" borderId="0" xfId="0" applyFont="1" applyFill="1" applyAlignment="1">
      <alignment horizontal="center" vertical="center" wrapText="1"/>
    </xf>
    <xf numFmtId="0" fontId="2" fillId="0" borderId="28" xfId="0" applyFont="1" applyBorder="1" applyAlignment="1">
      <alignment horizontal="center" vertical="center" wrapText="1"/>
    </xf>
    <xf numFmtId="0" fontId="3" fillId="0" borderId="28" xfId="0" applyFont="1" applyBorder="1" applyAlignment="1">
      <alignment horizontal="center" vertical="center" wrapText="1"/>
    </xf>
    <xf numFmtId="0" fontId="3" fillId="0" borderId="30" xfId="0" applyFont="1" applyBorder="1" applyAlignment="1">
      <alignment horizontal="center" vertical="center" wrapText="1"/>
    </xf>
    <xf numFmtId="0" fontId="2" fillId="0" borderId="0" xfId="0" applyFont="1" applyBorder="1" applyAlignment="1">
      <alignment horizontal="center" vertical="center" wrapText="1"/>
    </xf>
    <xf numFmtId="0" fontId="2" fillId="0" borderId="0" xfId="0" applyFont="1" applyFill="1" applyAlignment="1">
      <alignment horizontal="center" wrapText="1"/>
    </xf>
    <xf numFmtId="49" fontId="2" fillId="0" borderId="39" xfId="0" applyNumberFormat="1" applyFont="1" applyBorder="1" applyAlignment="1">
      <alignment horizontal="center" vertical="center"/>
    </xf>
    <xf numFmtId="49" fontId="2" fillId="0" borderId="52" xfId="0" applyNumberFormat="1" applyFont="1" applyBorder="1" applyAlignment="1">
      <alignment horizontal="center" vertical="center"/>
    </xf>
    <xf numFmtId="49" fontId="6" fillId="0" borderId="0" xfId="5" applyNumberFormat="1" applyFont="1" applyAlignment="1">
      <alignment horizontal="center" wrapText="1"/>
    </xf>
    <xf numFmtId="0" fontId="6" fillId="0" borderId="0" xfId="0" applyFont="1" applyAlignment="1">
      <alignment horizontal="center" wrapText="1"/>
    </xf>
    <xf numFmtId="49" fontId="2" fillId="0" borderId="16" xfId="0" applyNumberFormat="1" applyFont="1" applyBorder="1" applyAlignment="1">
      <alignment horizontal="left" vertical="center"/>
    </xf>
    <xf numFmtId="49" fontId="2" fillId="2" borderId="59" xfId="0" applyNumberFormat="1" applyFont="1" applyFill="1" applyBorder="1" applyAlignment="1">
      <alignment horizontal="center" vertical="center" wrapText="1"/>
    </xf>
    <xf numFmtId="49" fontId="2" fillId="2" borderId="60" xfId="0" applyNumberFormat="1" applyFont="1" applyFill="1" applyBorder="1" applyAlignment="1">
      <alignment horizontal="center" vertical="center" wrapText="1"/>
    </xf>
    <xf numFmtId="16" fontId="5" fillId="0" borderId="0" xfId="0" applyNumberFormat="1" applyFont="1" applyFill="1" applyAlignment="1">
      <alignment horizontal="left" vertical="top" wrapText="1"/>
    </xf>
    <xf numFmtId="49" fontId="5" fillId="0" borderId="0" xfId="1" applyNumberFormat="1" applyFont="1" applyBorder="1" applyAlignment="1">
      <alignment horizontal="left" vertical="center" wrapText="1"/>
    </xf>
    <xf numFmtId="0" fontId="2" fillId="0" borderId="0" xfId="5" applyFont="1" applyAlignment="1">
      <alignment horizontal="left" vertical="center" wrapText="1"/>
    </xf>
    <xf numFmtId="0" fontId="6" fillId="2" borderId="10" xfId="5" applyFont="1" applyFill="1" applyBorder="1" applyAlignment="1">
      <alignment horizontal="left" vertical="center" wrapText="1"/>
    </xf>
    <xf numFmtId="0" fontId="3" fillId="3" borderId="28" xfId="0" applyFont="1" applyFill="1" applyBorder="1" applyAlignment="1">
      <alignment horizontal="left" vertical="center" wrapText="1"/>
    </xf>
    <xf numFmtId="0" fontId="3" fillId="3" borderId="0" xfId="0" applyFont="1" applyFill="1" applyBorder="1" applyAlignment="1">
      <alignment horizontal="left" vertical="center" wrapText="1"/>
    </xf>
    <xf numFmtId="0" fontId="3" fillId="3" borderId="29" xfId="0" applyFont="1" applyFill="1" applyBorder="1" applyAlignment="1">
      <alignment horizontal="left" vertical="center" wrapText="1"/>
    </xf>
    <xf numFmtId="0" fontId="2" fillId="0" borderId="0" xfId="0" applyFont="1" applyBorder="1" applyAlignment="1">
      <alignment horizontal="left" vertical="center" wrapText="1"/>
    </xf>
    <xf numFmtId="49" fontId="2" fillId="0" borderId="16" xfId="0" applyNumberFormat="1" applyFont="1" applyFill="1" applyBorder="1" applyAlignment="1">
      <alignment horizontal="center" vertical="center" wrapText="1"/>
    </xf>
    <xf numFmtId="49" fontId="2" fillId="0" borderId="34" xfId="0" applyNumberFormat="1" applyFont="1" applyFill="1" applyBorder="1" applyAlignment="1">
      <alignment horizontal="center" vertical="center" wrapText="1"/>
    </xf>
    <xf numFmtId="49" fontId="2" fillId="0" borderId="25" xfId="0" applyNumberFormat="1" applyFont="1" applyFill="1" applyBorder="1" applyAlignment="1">
      <alignment horizontal="center" vertical="center" wrapText="1"/>
    </xf>
    <xf numFmtId="0" fontId="3" fillId="4" borderId="0" xfId="0" applyFont="1" applyFill="1" applyAlignment="1">
      <alignment horizontal="center" vertical="center" wrapText="1"/>
    </xf>
    <xf numFmtId="0" fontId="4" fillId="0" borderId="0" xfId="0" applyFont="1" applyAlignment="1">
      <alignment horizontal="left" vertical="top" wrapText="1"/>
    </xf>
    <xf numFmtId="49" fontId="5" fillId="5" borderId="48" xfId="0" applyNumberFormat="1" applyFont="1" applyFill="1" applyBorder="1" applyAlignment="1">
      <alignment horizontal="left" vertical="center" wrapText="1"/>
    </xf>
    <xf numFmtId="49" fontId="5" fillId="5" borderId="27" xfId="0" applyNumberFormat="1" applyFont="1" applyFill="1" applyBorder="1" applyAlignment="1">
      <alignment horizontal="left" vertical="center" wrapText="1"/>
    </xf>
    <xf numFmtId="49" fontId="5" fillId="5" borderId="49" xfId="0" applyNumberFormat="1" applyFont="1" applyFill="1" applyBorder="1" applyAlignment="1">
      <alignment horizontal="left" vertical="center" wrapText="1"/>
    </xf>
    <xf numFmtId="0" fontId="3" fillId="0" borderId="0" xfId="0" applyFont="1" applyFill="1" applyAlignment="1">
      <alignment horizontal="left" vertical="center" wrapText="1"/>
    </xf>
    <xf numFmtId="0" fontId="3" fillId="2" borderId="12" xfId="0" applyFont="1" applyFill="1" applyBorder="1" applyAlignment="1">
      <alignment horizontal="center" vertical="top" wrapText="1"/>
    </xf>
    <xf numFmtId="0" fontId="3" fillId="2" borderId="2" xfId="0" applyFont="1" applyFill="1" applyBorder="1" applyAlignment="1">
      <alignment horizontal="center" vertical="top" wrapText="1"/>
    </xf>
    <xf numFmtId="0" fontId="4" fillId="7" borderId="0" xfId="0" applyNumberFormat="1" applyFont="1" applyFill="1" applyAlignment="1">
      <alignment horizontal="left" vertical="top" wrapText="1"/>
    </xf>
    <xf numFmtId="49" fontId="3" fillId="0" borderId="0" xfId="0" applyNumberFormat="1" applyFont="1" applyFill="1" applyAlignment="1">
      <alignment horizontal="left" vertical="center" wrapText="1"/>
    </xf>
    <xf numFmtId="0" fontId="2" fillId="0" borderId="0" xfId="0" applyFont="1" applyAlignment="1">
      <alignment horizontal="left" wrapText="1"/>
    </xf>
    <xf numFmtId="0" fontId="2" fillId="7" borderId="0" xfId="0" applyFont="1" applyFill="1" applyBorder="1" applyAlignment="1">
      <alignment horizontal="left" vertical="center" wrapText="1"/>
    </xf>
    <xf numFmtId="0" fontId="2" fillId="7" borderId="0" xfId="0" applyFont="1" applyFill="1" applyAlignment="1">
      <alignment horizontal="left" vertical="center" wrapText="1"/>
    </xf>
    <xf numFmtId="0" fontId="7" fillId="0" borderId="0" xfId="0" applyFont="1" applyFill="1" applyAlignment="1">
      <alignment horizontal="left" vertical="center" wrapText="1"/>
    </xf>
    <xf numFmtId="0" fontId="3" fillId="0" borderId="0" xfId="0" applyFont="1" applyAlignment="1">
      <alignment horizontal="center" vertical="center"/>
    </xf>
    <xf numFmtId="0" fontId="2" fillId="0" borderId="0" xfId="0" applyFont="1" applyAlignment="1">
      <alignment horizontal="center" vertical="center" wrapText="1"/>
    </xf>
    <xf numFmtId="0" fontId="2" fillId="0" borderId="0" xfId="0" applyFont="1" applyFill="1" applyAlignment="1">
      <alignment horizontal="center" vertical="top" wrapText="1"/>
    </xf>
    <xf numFmtId="0" fontId="4" fillId="0" borderId="0" xfId="0" applyFont="1" applyFill="1" applyAlignment="1">
      <alignment horizontal="left" vertical="center" wrapText="1"/>
    </xf>
    <xf numFmtId="16" fontId="3" fillId="0" borderId="0" xfId="0" applyNumberFormat="1" applyFont="1" applyFill="1" applyAlignment="1">
      <alignment horizontal="left" vertical="top" wrapText="1"/>
    </xf>
    <xf numFmtId="16" fontId="5" fillId="0" borderId="0" xfId="0" applyNumberFormat="1" applyFont="1" applyFill="1" applyAlignment="1">
      <alignment horizontal="left" vertical="top" wrapText="1"/>
    </xf>
    <xf numFmtId="0" fontId="4" fillId="7" borderId="0" xfId="0" applyFont="1" applyFill="1" applyAlignment="1">
      <alignment horizontal="left" vertical="center" wrapText="1"/>
    </xf>
    <xf numFmtId="0" fontId="2" fillId="7" borderId="0" xfId="0" applyFont="1" applyFill="1" applyAlignment="1">
      <alignment horizontal="left" vertical="center"/>
    </xf>
    <xf numFmtId="0" fontId="6" fillId="0" borderId="0" xfId="5" applyFont="1" applyAlignment="1">
      <alignment horizontal="center" vertical="top" wrapText="1"/>
    </xf>
    <xf numFmtId="49" fontId="4" fillId="0" borderId="0" xfId="1" applyNumberFormat="1" applyFont="1" applyBorder="1" applyAlignment="1">
      <alignment horizontal="left" vertical="center" wrapText="1"/>
    </xf>
    <xf numFmtId="0" fontId="5" fillId="0" borderId="0" xfId="4" applyFont="1" applyAlignment="1">
      <alignment horizontal="left" vertical="center" wrapText="1"/>
    </xf>
    <xf numFmtId="0" fontId="10" fillId="0" borderId="0" xfId="5" applyFont="1" applyAlignment="1">
      <alignment horizontal="center" vertical="center" wrapText="1"/>
    </xf>
    <xf numFmtId="0" fontId="6" fillId="0" borderId="0" xfId="0" applyNumberFormat="1" applyFont="1" applyBorder="1" applyAlignment="1">
      <alignment horizontal="left" vertical="center" wrapText="1"/>
    </xf>
    <xf numFmtId="49" fontId="3" fillId="2" borderId="1" xfId="0" applyNumberFormat="1" applyFont="1" applyFill="1" applyBorder="1" applyAlignment="1">
      <alignment horizontal="left" vertical="top" wrapText="1"/>
    </xf>
    <xf numFmtId="49" fontId="3" fillId="2" borderId="58" xfId="0" applyNumberFormat="1" applyFont="1" applyFill="1" applyBorder="1" applyAlignment="1">
      <alignment horizontal="left" vertical="top" wrapText="1"/>
    </xf>
    <xf numFmtId="49" fontId="3" fillId="2" borderId="48" xfId="0" applyNumberFormat="1" applyFont="1" applyFill="1" applyBorder="1" applyAlignment="1">
      <alignment horizontal="left" vertical="top" wrapText="1"/>
    </xf>
    <xf numFmtId="49" fontId="3" fillId="2" borderId="31" xfId="0" applyNumberFormat="1" applyFont="1" applyFill="1" applyBorder="1" applyAlignment="1">
      <alignment horizontal="left" vertical="top" wrapText="1"/>
    </xf>
    <xf numFmtId="49" fontId="3" fillId="5" borderId="48" xfId="0" applyNumberFormat="1" applyFont="1" applyFill="1" applyBorder="1" applyAlignment="1">
      <alignment horizontal="left" vertical="center" wrapText="1"/>
    </xf>
    <xf numFmtId="49" fontId="3" fillId="5" borderId="27" xfId="0" applyNumberFormat="1" applyFont="1" applyFill="1" applyBorder="1" applyAlignment="1">
      <alignment horizontal="left" vertical="center" wrapText="1"/>
    </xf>
    <xf numFmtId="49" fontId="3" fillId="5" borderId="49" xfId="0" applyNumberFormat="1" applyFont="1" applyFill="1" applyBorder="1" applyAlignment="1">
      <alignment horizontal="left" vertical="center" wrapText="1"/>
    </xf>
    <xf numFmtId="49" fontId="3" fillId="5" borderId="48" xfId="0" applyNumberFormat="1" applyFont="1" applyFill="1" applyBorder="1" applyAlignment="1">
      <alignment horizontal="left" vertical="center"/>
    </xf>
    <xf numFmtId="49" fontId="3" fillId="5" borderId="27" xfId="0" applyNumberFormat="1" applyFont="1" applyFill="1" applyBorder="1" applyAlignment="1">
      <alignment horizontal="left" vertical="center"/>
    </xf>
    <xf numFmtId="49" fontId="3" fillId="5" borderId="49" xfId="0" applyNumberFormat="1" applyFont="1" applyFill="1" applyBorder="1" applyAlignment="1">
      <alignment horizontal="left" vertical="center"/>
    </xf>
    <xf numFmtId="49" fontId="5" fillId="5" borderId="8" xfId="0" applyNumberFormat="1" applyFont="1" applyFill="1" applyBorder="1" applyAlignment="1">
      <alignment horizontal="left" vertical="center" wrapText="1"/>
    </xf>
    <xf numFmtId="49" fontId="5" fillId="5" borderId="11" xfId="0" applyNumberFormat="1" applyFont="1" applyFill="1" applyBorder="1" applyAlignment="1">
      <alignment horizontal="left" vertical="center" wrapText="1"/>
    </xf>
    <xf numFmtId="49" fontId="5" fillId="5" borderId="9" xfId="0" applyNumberFormat="1" applyFont="1" applyFill="1" applyBorder="1" applyAlignment="1">
      <alignment horizontal="left" vertical="center" wrapText="1"/>
    </xf>
  </cellXfs>
  <cellStyles count="7">
    <cellStyle name="Normálna" xfId="0" builtinId="0"/>
    <cellStyle name="Normálna 2" xfId="2"/>
    <cellStyle name="Normálne 2" xfId="3"/>
    <cellStyle name="normálne 2 2" xfId="1"/>
    <cellStyle name="normálne 2 2 2" xfId="4"/>
    <cellStyle name="Normálne 4" xfId="5"/>
    <cellStyle name="Percentá" xfId="6" builtinId="5"/>
  </cellStyles>
  <dxfs count="26">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s>
  <tableStyles count="0" defaultTableStyle="TableStyleMedium2" defaultPivotStyle="PivotStyleLight16"/>
  <colors>
    <mruColors>
      <color rgb="FFEDDBC9"/>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calcChain" Target="calcChain.xml"/><Relationship Id="rId5" Type="http://schemas.openxmlformats.org/officeDocument/2006/relationships/sharedStrings" Target="sharedStrings.xml"/><Relationship Id="rId4" Type="http://schemas.openxmlformats.org/officeDocument/2006/relationships/styles" Target="styles.xml"/></Relationships>
</file>

<file path=xl/ctrlProps/ctrlProp1.xml><?xml version="1.0" encoding="utf-8"?>
<formControlPr xmlns="http://schemas.microsoft.com/office/spreadsheetml/2009/9/main" objectType="CheckBox" checked="Checked" lockText="1" noThreeD="1"/>
</file>

<file path=xl/ctrlProps/ctrlProp2.xml><?xml version="1.0" encoding="utf-8"?>
<formControlPr xmlns="http://schemas.microsoft.com/office/spreadsheetml/2009/9/main" objectType="CheckBox" lockText="1" noThreeD="1"/>
</file>

<file path=xl/ctrlProps/ctrlProp3.xml><?xml version="1.0" encoding="utf-8"?>
<formControlPr xmlns="http://schemas.microsoft.com/office/spreadsheetml/2009/9/main" objectType="CheckBox" checked="Checked" lockText="1" noThreeD="1"/>
</file>

<file path=xl/ctrlProps/ctrlProp4.xml><?xml version="1.0" encoding="utf-8"?>
<formControlPr xmlns="http://schemas.microsoft.com/office/spreadsheetml/2009/9/main" objectType="CheckBox" lockText="1" noThreeD="1"/>
</file>

<file path=xl/drawings/drawing1.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0</xdr:col>
          <xdr:colOff>628650</xdr:colOff>
          <xdr:row>27</xdr:row>
          <xdr:rowOff>0</xdr:rowOff>
        </xdr:from>
        <xdr:to>
          <xdr:col>0</xdr:col>
          <xdr:colOff>885825</xdr:colOff>
          <xdr:row>27</xdr:row>
          <xdr:rowOff>219075</xdr:rowOff>
        </xdr:to>
        <xdr:sp macro="" textlink="">
          <xdr:nvSpPr>
            <xdr:cNvPr id="8195" name="Check Box 3" hidden="1">
              <a:extLst>
                <a:ext uri="{63B3BB69-23CF-44E3-9099-C40C66FF867C}">
                  <a14:compatExt spid="_x0000_s8195"/>
                </a:ext>
                <a:ext uri="{FF2B5EF4-FFF2-40B4-BE49-F238E27FC236}">
                  <a16:creationId xmlns:a16="http://schemas.microsoft.com/office/drawing/2014/main" id="{00000000-0008-0000-0000-0000032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628650</xdr:colOff>
          <xdr:row>28</xdr:row>
          <xdr:rowOff>9525</xdr:rowOff>
        </xdr:from>
        <xdr:to>
          <xdr:col>0</xdr:col>
          <xdr:colOff>885825</xdr:colOff>
          <xdr:row>28</xdr:row>
          <xdr:rowOff>228600</xdr:rowOff>
        </xdr:to>
        <xdr:sp macro="" textlink="">
          <xdr:nvSpPr>
            <xdr:cNvPr id="8196" name="Check Box 4" hidden="1">
              <a:extLst>
                <a:ext uri="{63B3BB69-23CF-44E3-9099-C40C66FF867C}">
                  <a14:compatExt spid="_x0000_s8196"/>
                </a:ext>
                <a:ext uri="{FF2B5EF4-FFF2-40B4-BE49-F238E27FC236}">
                  <a16:creationId xmlns:a16="http://schemas.microsoft.com/office/drawing/2014/main" id="{00000000-0008-0000-0000-0000042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628650</xdr:colOff>
          <xdr:row>123</xdr:row>
          <xdr:rowOff>9525</xdr:rowOff>
        </xdr:from>
        <xdr:to>
          <xdr:col>0</xdr:col>
          <xdr:colOff>885825</xdr:colOff>
          <xdr:row>123</xdr:row>
          <xdr:rowOff>228600</xdr:rowOff>
        </xdr:to>
        <xdr:sp macro="" textlink="">
          <xdr:nvSpPr>
            <xdr:cNvPr id="8197" name="Check Box 5" hidden="1">
              <a:extLst>
                <a:ext uri="{63B3BB69-23CF-44E3-9099-C40C66FF867C}">
                  <a14:compatExt spid="_x0000_s8197"/>
                </a:ext>
                <a:ext uri="{FF2B5EF4-FFF2-40B4-BE49-F238E27FC236}">
                  <a16:creationId xmlns:a16="http://schemas.microsoft.com/office/drawing/2014/main" id="{00000000-0008-0000-0000-0000052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628650</xdr:colOff>
          <xdr:row>124</xdr:row>
          <xdr:rowOff>0</xdr:rowOff>
        </xdr:from>
        <xdr:to>
          <xdr:col>0</xdr:col>
          <xdr:colOff>885825</xdr:colOff>
          <xdr:row>124</xdr:row>
          <xdr:rowOff>219075</xdr:rowOff>
        </xdr:to>
        <xdr:sp macro="" textlink="">
          <xdr:nvSpPr>
            <xdr:cNvPr id="8198" name="Check Box 6" hidden="1">
              <a:extLst>
                <a:ext uri="{63B3BB69-23CF-44E3-9099-C40C66FF867C}">
                  <a14:compatExt spid="_x0000_s8198"/>
                </a:ext>
                <a:ext uri="{FF2B5EF4-FFF2-40B4-BE49-F238E27FC236}">
                  <a16:creationId xmlns:a16="http://schemas.microsoft.com/office/drawing/2014/main" id="{00000000-0008-0000-0000-0000062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wsDr>
</file>

<file path=xl/theme/theme1.xml><?xml version="1.0" encoding="utf-8"?>
<a:theme xmlns:a="http://schemas.openxmlformats.org/drawingml/2006/main" name="Motív balíka Offic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2.xml.rels><?xml version="1.0" encoding="UTF-8" standalone="yes"?>
<Relationships xmlns="http://schemas.openxmlformats.org/package/2006/relationships"><Relationship Id="rId3" Type="http://schemas.openxmlformats.org/officeDocument/2006/relationships/vmlDrawing" Target="../drawings/vmlDrawing1.vml"/><Relationship Id="rId7" Type="http://schemas.openxmlformats.org/officeDocument/2006/relationships/ctrlProp" Target="../ctrlProps/ctrlProp4.xml"/><Relationship Id="rId2" Type="http://schemas.openxmlformats.org/officeDocument/2006/relationships/drawing" Target="../drawings/drawing1.xml"/><Relationship Id="rId1" Type="http://schemas.openxmlformats.org/officeDocument/2006/relationships/printerSettings" Target="../printerSettings/printerSettings1.bin"/><Relationship Id="rId6" Type="http://schemas.openxmlformats.org/officeDocument/2006/relationships/ctrlProp" Target="../ctrlProps/ctrlProp3.xml"/><Relationship Id="rId5" Type="http://schemas.openxmlformats.org/officeDocument/2006/relationships/ctrlProp" Target="../ctrlProps/ctrlProp2.xml"/><Relationship Id="rId4" Type="http://schemas.openxmlformats.org/officeDocument/2006/relationships/ctrlProp" Target="../ctrlProps/ctrlProp1.xml"/></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B2"/>
  <sheetViews>
    <sheetView workbookViewId="0">
      <selection activeCell="M24" sqref="M24"/>
    </sheetView>
  </sheetViews>
  <sheetFormatPr defaultRowHeight="15" x14ac:dyDescent="0.25"/>
  <sheetData>
    <row r="2" spans="2:2" x14ac:dyDescent="0.25">
      <c r="B2" s="53"/>
    </row>
  </sheetData>
  <pageMargins left="0.7" right="0.7" top="0.75" bottom="0.75" header="0.3" footer="0.3"/>
</worksheet>
</file>

<file path=xl/worksheets/sheet2.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tabColor rgb="FF92D050"/>
    <pageSetUpPr fitToPage="1"/>
  </sheetPr>
  <dimension ref="A1:E376"/>
  <sheetViews>
    <sheetView showGridLines="0" tabSelected="1" topLeftCell="A106" zoomScale="80" zoomScaleNormal="80" workbookViewId="0">
      <selection activeCell="R215" sqref="Q215:R215"/>
    </sheetView>
  </sheetViews>
  <sheetFormatPr defaultRowHeight="12.75" x14ac:dyDescent="0.2"/>
  <cols>
    <col min="1" max="1" width="19" style="8" customWidth="1"/>
    <col min="2" max="2" width="70.42578125" style="1" customWidth="1"/>
    <col min="3" max="3" width="17.85546875" style="8" customWidth="1"/>
    <col min="4" max="4" width="31.28515625" style="8" customWidth="1"/>
    <col min="5" max="5" width="25.5703125" style="1" customWidth="1"/>
    <col min="6" max="6" width="9.140625" style="1"/>
    <col min="7" max="7" width="9.140625" style="1" customWidth="1"/>
    <col min="8" max="16384" width="9.140625" style="1"/>
  </cols>
  <sheetData>
    <row r="1" spans="1:5" ht="24" customHeight="1" x14ac:dyDescent="0.2">
      <c r="A1" s="220" t="s">
        <v>39</v>
      </c>
      <c r="B1" s="220"/>
      <c r="C1" s="220"/>
      <c r="D1" s="220"/>
      <c r="E1" s="220"/>
    </row>
    <row r="2" spans="1:5" ht="27.75" customHeight="1" x14ac:dyDescent="0.2">
      <c r="A2" s="221" t="s">
        <v>38</v>
      </c>
      <c r="B2" s="221"/>
      <c r="C2" s="221"/>
      <c r="D2" s="221"/>
      <c r="E2" s="221"/>
    </row>
    <row r="3" spans="1:5" ht="54.75" customHeight="1" x14ac:dyDescent="0.2">
      <c r="A3" s="222" t="s">
        <v>43</v>
      </c>
      <c r="B3" s="222"/>
      <c r="C3" s="222"/>
      <c r="D3" s="222"/>
      <c r="E3" s="222"/>
    </row>
    <row r="4" spans="1:5" ht="24.95" customHeight="1" x14ac:dyDescent="0.2">
      <c r="A4" s="198" t="s">
        <v>42</v>
      </c>
      <c r="B4" s="30"/>
      <c r="C4" s="27"/>
      <c r="D4" s="27"/>
    </row>
    <row r="5" spans="1:5" ht="24.95" customHeight="1" x14ac:dyDescent="0.2">
      <c r="A5" s="198" t="s">
        <v>40</v>
      </c>
      <c r="B5" s="31"/>
      <c r="C5" s="27"/>
      <c r="D5" s="27"/>
    </row>
    <row r="6" spans="1:5" ht="5.0999999999999996" customHeight="1" x14ac:dyDescent="0.2">
      <c r="A6" s="27"/>
      <c r="B6" s="27"/>
      <c r="C6" s="27"/>
      <c r="D6" s="27"/>
    </row>
    <row r="7" spans="1:5" s="2" customFormat="1" ht="20.100000000000001" customHeight="1" x14ac:dyDescent="0.25">
      <c r="A7" s="206" t="s">
        <v>4</v>
      </c>
      <c r="B7" s="206"/>
      <c r="C7" s="206"/>
      <c r="D7" s="206"/>
      <c r="E7" s="206"/>
    </row>
    <row r="8" spans="1:5" s="2" customFormat="1" ht="20.100000000000001" customHeight="1" x14ac:dyDescent="0.25">
      <c r="A8" s="224" t="s">
        <v>7</v>
      </c>
      <c r="B8" s="224"/>
      <c r="C8" s="224"/>
      <c r="D8" s="224"/>
    </row>
    <row r="9" spans="1:5" ht="24.95" customHeight="1" x14ac:dyDescent="0.2">
      <c r="A9" s="214" t="s">
        <v>222</v>
      </c>
      <c r="B9" s="214"/>
      <c r="C9" s="214"/>
      <c r="D9" s="214"/>
    </row>
    <row r="10" spans="1:5" ht="4.5" customHeight="1" x14ac:dyDescent="0.2">
      <c r="A10" s="180"/>
      <c r="B10" s="28"/>
      <c r="C10" s="28"/>
      <c r="D10" s="28"/>
    </row>
    <row r="11" spans="1:5" s="2" customFormat="1" ht="20.100000000000001" customHeight="1" x14ac:dyDescent="0.25">
      <c r="A11" s="225" t="s">
        <v>8</v>
      </c>
      <c r="B11" s="225"/>
      <c r="C11" s="225"/>
      <c r="D11" s="225"/>
    </row>
    <row r="12" spans="1:5" s="2" customFormat="1" ht="20.100000000000001" customHeight="1" x14ac:dyDescent="0.25">
      <c r="A12" s="226" t="s">
        <v>225</v>
      </c>
      <c r="B12" s="226"/>
      <c r="C12" s="226"/>
      <c r="D12" s="34"/>
    </row>
    <row r="13" spans="1:5" s="2" customFormat="1" ht="20.100000000000001" customHeight="1" x14ac:dyDescent="0.25">
      <c r="A13" s="226" t="s">
        <v>226</v>
      </c>
      <c r="B13" s="226"/>
      <c r="C13" s="160"/>
      <c r="D13" s="87"/>
    </row>
    <row r="14" spans="1:5" s="2" customFormat="1" ht="20.100000000000001" customHeight="1" x14ac:dyDescent="0.25">
      <c r="A14" s="226" t="s">
        <v>227</v>
      </c>
      <c r="B14" s="226"/>
      <c r="C14" s="160"/>
      <c r="D14" s="87"/>
    </row>
    <row r="15" spans="1:5" s="2" customFormat="1" ht="20.100000000000001" customHeight="1" x14ac:dyDescent="0.25">
      <c r="A15" s="227" t="s">
        <v>228</v>
      </c>
      <c r="B15" s="227"/>
      <c r="C15" s="160"/>
      <c r="D15" s="90"/>
    </row>
    <row r="16" spans="1:5" s="2" customFormat="1" ht="20.100000000000001" customHeight="1" x14ac:dyDescent="0.25">
      <c r="A16" s="227" t="s">
        <v>229</v>
      </c>
      <c r="B16" s="227"/>
      <c r="C16" s="160"/>
      <c r="D16" s="90"/>
    </row>
    <row r="17" spans="1:5" s="3" customFormat="1" ht="20.100000000000001" customHeight="1" x14ac:dyDescent="0.25">
      <c r="A17" s="223" t="s">
        <v>52</v>
      </c>
      <c r="B17" s="223"/>
      <c r="C17" s="223"/>
      <c r="D17" s="13"/>
    </row>
    <row r="18" spans="1:5" ht="4.5" customHeight="1" x14ac:dyDescent="0.2">
      <c r="A18" s="181"/>
      <c r="B18" s="35"/>
      <c r="C18" s="35"/>
      <c r="D18" s="28"/>
    </row>
    <row r="19" spans="1:5" ht="20.100000000000001" customHeight="1" x14ac:dyDescent="0.2">
      <c r="A19" s="195" t="s">
        <v>9</v>
      </c>
      <c r="B19" s="14"/>
      <c r="C19" s="14"/>
      <c r="D19" s="15"/>
    </row>
    <row r="20" spans="1:5" s="3" customFormat="1" ht="24.95" customHeight="1" x14ac:dyDescent="0.25">
      <c r="A20" s="207" t="s">
        <v>66</v>
      </c>
      <c r="B20" s="207"/>
      <c r="C20" s="207"/>
      <c r="D20" s="13"/>
    </row>
    <row r="21" spans="1:5" ht="5.0999999999999996" customHeight="1" x14ac:dyDescent="0.2">
      <c r="A21" s="216"/>
      <c r="B21" s="216"/>
      <c r="C21" s="216"/>
    </row>
    <row r="22" spans="1:5" s="2" customFormat="1" ht="20.100000000000001" customHeight="1" x14ac:dyDescent="0.25">
      <c r="A22" s="206" t="s">
        <v>16</v>
      </c>
      <c r="B22" s="206"/>
      <c r="C22" s="206"/>
      <c r="D22" s="206"/>
      <c r="E22" s="206"/>
    </row>
    <row r="23" spans="1:5" s="153" customFormat="1" ht="42.75" customHeight="1" x14ac:dyDescent="0.2">
      <c r="A23" s="214" t="s">
        <v>222</v>
      </c>
      <c r="B23" s="214"/>
      <c r="C23" s="214"/>
      <c r="D23" s="214"/>
      <c r="E23" s="214"/>
    </row>
    <row r="24" spans="1:5" ht="5.0999999999999996" customHeight="1" x14ac:dyDescent="0.2">
      <c r="A24" s="216"/>
      <c r="B24" s="216"/>
      <c r="C24" s="216"/>
    </row>
    <row r="25" spans="1:5" s="2" customFormat="1" ht="20.100000000000001" customHeight="1" x14ac:dyDescent="0.25">
      <c r="A25" s="206" t="s">
        <v>17</v>
      </c>
      <c r="B25" s="206"/>
      <c r="C25" s="206"/>
      <c r="D25" s="206"/>
      <c r="E25" s="206"/>
    </row>
    <row r="26" spans="1:5" s="9" customFormat="1" ht="20.100000000000001" customHeight="1" x14ac:dyDescent="0.25">
      <c r="A26" s="215" t="s">
        <v>5</v>
      </c>
      <c r="B26" s="215"/>
      <c r="C26" s="215"/>
      <c r="D26" s="215"/>
    </row>
    <row r="27" spans="1:5" s="9" customFormat="1" ht="20.100000000000001" customHeight="1" x14ac:dyDescent="0.25">
      <c r="A27" s="211" t="s">
        <v>13</v>
      </c>
      <c r="B27" s="219"/>
      <c r="C27" s="12"/>
      <c r="D27" s="12"/>
    </row>
    <row r="28" spans="1:5" s="152" customFormat="1" ht="20.100000000000001" customHeight="1" x14ac:dyDescent="0.25">
      <c r="A28" s="182"/>
      <c r="B28" s="154" t="s">
        <v>92</v>
      </c>
      <c r="C28" s="155"/>
      <c r="D28" s="155"/>
    </row>
    <row r="29" spans="1:5" s="9" customFormat="1" ht="20.100000000000001" customHeight="1" x14ac:dyDescent="0.25">
      <c r="A29" s="27"/>
      <c r="B29" s="11" t="s">
        <v>15</v>
      </c>
      <c r="C29" s="12"/>
      <c r="D29" s="12"/>
    </row>
    <row r="30" spans="1:5" s="9" customFormat="1" ht="20.100000000000001" customHeight="1" x14ac:dyDescent="0.25">
      <c r="A30" s="211" t="s">
        <v>50</v>
      </c>
      <c r="B30" s="219"/>
      <c r="C30" s="12"/>
      <c r="D30" s="12"/>
    </row>
    <row r="31" spans="1:5" s="152" customFormat="1" ht="33.75" customHeight="1" x14ac:dyDescent="0.25">
      <c r="A31" s="218" t="s">
        <v>93</v>
      </c>
      <c r="B31" s="218"/>
      <c r="C31" s="218"/>
      <c r="D31" s="218"/>
      <c r="E31" s="218"/>
    </row>
    <row r="32" spans="1:5" s="57" customFormat="1" ht="31.5" customHeight="1" x14ac:dyDescent="0.25">
      <c r="A32" s="102" t="s">
        <v>57</v>
      </c>
      <c r="B32" s="100" t="s">
        <v>58</v>
      </c>
      <c r="C32" s="101"/>
      <c r="D32" s="102" t="s">
        <v>65</v>
      </c>
      <c r="E32" s="102" t="s">
        <v>81</v>
      </c>
    </row>
    <row r="33" spans="1:5" s="57" customFormat="1" ht="27" customHeight="1" x14ac:dyDescent="0.25">
      <c r="A33" s="199" t="s">
        <v>80</v>
      </c>
      <c r="B33" s="200"/>
      <c r="C33" s="200"/>
      <c r="D33" s="200"/>
      <c r="E33" s="201"/>
    </row>
    <row r="34" spans="1:5" s="58" customFormat="1" ht="27" customHeight="1" x14ac:dyDescent="0.25">
      <c r="A34" s="183" t="s">
        <v>59</v>
      </c>
      <c r="B34" s="217" t="s">
        <v>230</v>
      </c>
      <c r="C34" s="217" t="s">
        <v>230</v>
      </c>
      <c r="D34" s="62" t="s">
        <v>1</v>
      </c>
      <c r="E34" s="98">
        <v>66</v>
      </c>
    </row>
    <row r="35" spans="1:5" s="115" customFormat="1" ht="27" customHeight="1" x14ac:dyDescent="0.25">
      <c r="A35" s="183" t="s">
        <v>60</v>
      </c>
      <c r="B35" s="202" t="s">
        <v>231</v>
      </c>
      <c r="C35" s="202" t="s">
        <v>231</v>
      </c>
      <c r="D35" s="62" t="s">
        <v>1</v>
      </c>
      <c r="E35" s="98">
        <v>700</v>
      </c>
    </row>
    <row r="36" spans="1:5" s="115" customFormat="1" ht="27" customHeight="1" x14ac:dyDescent="0.25">
      <c r="A36" s="183" t="s">
        <v>67</v>
      </c>
      <c r="B36" s="159" t="s">
        <v>232</v>
      </c>
      <c r="C36" s="159"/>
      <c r="D36" s="62" t="s">
        <v>1</v>
      </c>
      <c r="E36" s="98">
        <v>57</v>
      </c>
    </row>
    <row r="37" spans="1:5" s="115" customFormat="1" ht="27" customHeight="1" x14ac:dyDescent="0.25">
      <c r="A37" s="183" t="s">
        <v>68</v>
      </c>
      <c r="B37" s="159" t="s">
        <v>233</v>
      </c>
      <c r="C37" s="159"/>
      <c r="D37" s="62" t="s">
        <v>1</v>
      </c>
      <c r="E37" s="98">
        <v>170</v>
      </c>
    </row>
    <row r="38" spans="1:5" s="115" customFormat="1" ht="27" customHeight="1" x14ac:dyDescent="0.25">
      <c r="A38" s="183" t="s">
        <v>69</v>
      </c>
      <c r="B38" s="159" t="s">
        <v>234</v>
      </c>
      <c r="C38" s="159"/>
      <c r="D38" s="62" t="s">
        <v>1</v>
      </c>
      <c r="E38" s="98">
        <v>60</v>
      </c>
    </row>
    <row r="39" spans="1:5" s="115" customFormat="1" ht="27" customHeight="1" x14ac:dyDescent="0.25">
      <c r="A39" s="183" t="s">
        <v>70</v>
      </c>
      <c r="B39" s="159" t="s">
        <v>235</v>
      </c>
      <c r="C39" s="159"/>
      <c r="D39" s="62" t="s">
        <v>1</v>
      </c>
      <c r="E39" s="98">
        <v>115</v>
      </c>
    </row>
    <row r="40" spans="1:5" s="115" customFormat="1" ht="27" customHeight="1" x14ac:dyDescent="0.25">
      <c r="A40" s="183" t="s">
        <v>71</v>
      </c>
      <c r="B40" s="159" t="s">
        <v>236</v>
      </c>
      <c r="C40" s="159"/>
      <c r="D40" s="62" t="s">
        <v>1</v>
      </c>
      <c r="E40" s="98">
        <v>1500</v>
      </c>
    </row>
    <row r="41" spans="1:5" s="115" customFormat="1" ht="27" customHeight="1" x14ac:dyDescent="0.25">
      <c r="A41" s="183" t="s">
        <v>72</v>
      </c>
      <c r="B41" s="159" t="s">
        <v>243</v>
      </c>
      <c r="C41" s="159"/>
      <c r="D41" s="62" t="s">
        <v>1</v>
      </c>
      <c r="E41" s="98">
        <v>100</v>
      </c>
    </row>
    <row r="42" spans="1:5" s="115" customFormat="1" ht="27" customHeight="1" x14ac:dyDescent="0.25">
      <c r="A42" s="183" t="s">
        <v>73</v>
      </c>
      <c r="B42" s="159" t="s">
        <v>237</v>
      </c>
      <c r="C42" s="159"/>
      <c r="D42" s="62" t="s">
        <v>1</v>
      </c>
      <c r="E42" s="98">
        <v>160</v>
      </c>
    </row>
    <row r="43" spans="1:5" s="115" customFormat="1" ht="27" customHeight="1" x14ac:dyDescent="0.25">
      <c r="A43" s="183" t="s">
        <v>74</v>
      </c>
      <c r="B43" s="159" t="s">
        <v>238</v>
      </c>
      <c r="C43" s="159"/>
      <c r="D43" s="62" t="s">
        <v>1</v>
      </c>
      <c r="E43" s="98">
        <v>350</v>
      </c>
    </row>
    <row r="44" spans="1:5" s="115" customFormat="1" ht="27" customHeight="1" x14ac:dyDescent="0.25">
      <c r="A44" s="183" t="s">
        <v>75</v>
      </c>
      <c r="B44" s="159" t="s">
        <v>239</v>
      </c>
      <c r="C44" s="159"/>
      <c r="D44" s="62" t="s">
        <v>1</v>
      </c>
      <c r="E44" s="98">
        <v>130</v>
      </c>
    </row>
    <row r="45" spans="1:5" s="115" customFormat="1" ht="27" customHeight="1" x14ac:dyDescent="0.25">
      <c r="A45" s="183" t="s">
        <v>76</v>
      </c>
      <c r="B45" s="159" t="s">
        <v>240</v>
      </c>
      <c r="C45" s="159"/>
      <c r="D45" s="62" t="s">
        <v>1</v>
      </c>
      <c r="E45" s="98">
        <v>1250</v>
      </c>
    </row>
    <row r="46" spans="1:5" s="115" customFormat="1" ht="27" customHeight="1" x14ac:dyDescent="0.25">
      <c r="A46" s="183" t="s">
        <v>77</v>
      </c>
      <c r="B46" s="159" t="s">
        <v>241</v>
      </c>
      <c r="C46" s="159"/>
      <c r="D46" s="62" t="s">
        <v>1</v>
      </c>
      <c r="E46" s="98">
        <v>120</v>
      </c>
    </row>
    <row r="47" spans="1:5" s="115" customFormat="1" ht="27" customHeight="1" x14ac:dyDescent="0.25">
      <c r="A47" s="183" t="s">
        <v>78</v>
      </c>
      <c r="B47" s="159" t="s">
        <v>242</v>
      </c>
      <c r="C47" s="159"/>
      <c r="D47" s="62" t="s">
        <v>1</v>
      </c>
      <c r="E47" s="98">
        <v>370</v>
      </c>
    </row>
    <row r="48" spans="1:5" s="81" customFormat="1" ht="27" customHeight="1" x14ac:dyDescent="0.25">
      <c r="A48" s="183" t="s">
        <v>79</v>
      </c>
      <c r="B48" s="159" t="s">
        <v>244</v>
      </c>
      <c r="C48" s="159"/>
      <c r="D48" s="62" t="s">
        <v>1</v>
      </c>
      <c r="E48" s="161">
        <v>50</v>
      </c>
    </row>
    <row r="49" spans="1:5" s="2" customFormat="1" ht="21" customHeight="1" x14ac:dyDescent="0.25">
      <c r="A49" s="184" t="s">
        <v>61</v>
      </c>
      <c r="B49" s="64"/>
      <c r="C49" s="64"/>
      <c r="D49" s="62"/>
      <c r="E49" s="99">
        <f>SUM(E34:E48)</f>
        <v>5198</v>
      </c>
    </row>
    <row r="50" spans="1:5" s="57" customFormat="1" ht="27" customHeight="1" x14ac:dyDescent="0.25">
      <c r="A50" s="199" t="s">
        <v>322</v>
      </c>
      <c r="B50" s="200"/>
      <c r="C50" s="200"/>
      <c r="D50" s="200"/>
      <c r="E50" s="201"/>
    </row>
    <row r="51" spans="1:5" s="58" customFormat="1" ht="27" customHeight="1" x14ac:dyDescent="0.25">
      <c r="A51" s="183" t="s">
        <v>59</v>
      </c>
      <c r="B51" s="202" t="s">
        <v>230</v>
      </c>
      <c r="C51" s="202" t="s">
        <v>230</v>
      </c>
      <c r="D51" s="59" t="s">
        <v>1</v>
      </c>
      <c r="E51" s="63">
        <v>13</v>
      </c>
    </row>
    <row r="52" spans="1:5" s="115" customFormat="1" ht="27" customHeight="1" x14ac:dyDescent="0.25">
      <c r="A52" s="183" t="s">
        <v>60</v>
      </c>
      <c r="B52" s="202" t="s">
        <v>231</v>
      </c>
      <c r="C52" s="202" t="s">
        <v>231</v>
      </c>
      <c r="D52" s="59" t="s">
        <v>1</v>
      </c>
      <c r="E52" s="63">
        <v>18</v>
      </c>
    </row>
    <row r="53" spans="1:5" s="2" customFormat="1" ht="21" customHeight="1" x14ac:dyDescent="0.25">
      <c r="A53" s="184" t="s">
        <v>61</v>
      </c>
      <c r="B53" s="64"/>
      <c r="C53" s="64"/>
      <c r="D53" s="84"/>
      <c r="E53" s="65">
        <f>SUM(E51:E52)</f>
        <v>31</v>
      </c>
    </row>
    <row r="54" spans="1:5" s="57" customFormat="1" ht="27" customHeight="1" x14ac:dyDescent="0.25">
      <c r="A54" s="199" t="s">
        <v>84</v>
      </c>
      <c r="B54" s="200"/>
      <c r="C54" s="200"/>
      <c r="D54" s="200"/>
      <c r="E54" s="201"/>
    </row>
    <row r="55" spans="1:5" s="115" customFormat="1" ht="27" customHeight="1" x14ac:dyDescent="0.25">
      <c r="A55" s="183" t="s">
        <v>59</v>
      </c>
      <c r="B55" s="202" t="s">
        <v>230</v>
      </c>
      <c r="C55" s="202" t="s">
        <v>230</v>
      </c>
      <c r="D55" s="62" t="s">
        <v>1</v>
      </c>
      <c r="E55" s="63">
        <v>30</v>
      </c>
    </row>
    <row r="56" spans="1:5" s="115" customFormat="1" ht="27" customHeight="1" x14ac:dyDescent="0.25">
      <c r="A56" s="183" t="s">
        <v>60</v>
      </c>
      <c r="B56" s="159" t="s">
        <v>231</v>
      </c>
      <c r="C56" s="159"/>
      <c r="D56" s="62" t="s">
        <v>1</v>
      </c>
      <c r="E56" s="63">
        <v>250</v>
      </c>
    </row>
    <row r="57" spans="1:5" s="115" customFormat="1" ht="27" customHeight="1" x14ac:dyDescent="0.25">
      <c r="A57" s="183" t="s">
        <v>67</v>
      </c>
      <c r="B57" s="159" t="s">
        <v>232</v>
      </c>
      <c r="C57" s="159"/>
      <c r="D57" s="62" t="s">
        <v>1</v>
      </c>
      <c r="E57" s="63">
        <v>20</v>
      </c>
    </row>
    <row r="58" spans="1:5" s="58" customFormat="1" ht="27" customHeight="1" x14ac:dyDescent="0.25">
      <c r="A58" s="183" t="s">
        <v>68</v>
      </c>
      <c r="B58" s="202" t="s">
        <v>233</v>
      </c>
      <c r="C58" s="202" t="s">
        <v>233</v>
      </c>
      <c r="D58" s="62" t="s">
        <v>1</v>
      </c>
      <c r="E58" s="63">
        <v>53</v>
      </c>
    </row>
    <row r="59" spans="1:5" s="115" customFormat="1" ht="27" customHeight="1" x14ac:dyDescent="0.25">
      <c r="A59" s="183" t="s">
        <v>69</v>
      </c>
      <c r="B59" s="159" t="s">
        <v>234</v>
      </c>
      <c r="C59" s="159"/>
      <c r="D59" s="62" t="s">
        <v>1</v>
      </c>
      <c r="E59" s="63">
        <v>9</v>
      </c>
    </row>
    <row r="60" spans="1:5" s="115" customFormat="1" ht="27" customHeight="1" x14ac:dyDescent="0.25">
      <c r="A60" s="183" t="s">
        <v>70</v>
      </c>
      <c r="B60" s="159" t="s">
        <v>235</v>
      </c>
      <c r="C60" s="159"/>
      <c r="D60" s="62" t="s">
        <v>1</v>
      </c>
      <c r="E60" s="63">
        <v>95</v>
      </c>
    </row>
    <row r="61" spans="1:5" s="115" customFormat="1" ht="27" customHeight="1" x14ac:dyDescent="0.25">
      <c r="A61" s="183" t="s">
        <v>71</v>
      </c>
      <c r="B61" s="159" t="s">
        <v>245</v>
      </c>
      <c r="C61" s="159"/>
      <c r="D61" s="62" t="s">
        <v>1</v>
      </c>
      <c r="E61" s="63">
        <v>66</v>
      </c>
    </row>
    <row r="62" spans="1:5" s="115" customFormat="1" ht="27" customHeight="1" x14ac:dyDescent="0.25">
      <c r="A62" s="183" t="s">
        <v>72</v>
      </c>
      <c r="B62" s="159" t="s">
        <v>236</v>
      </c>
      <c r="D62" s="62" t="s">
        <v>1</v>
      </c>
      <c r="E62" s="63">
        <v>50</v>
      </c>
    </row>
    <row r="63" spans="1:5" s="115" customFormat="1" ht="27" customHeight="1" x14ac:dyDescent="0.25">
      <c r="A63" s="183" t="s">
        <v>73</v>
      </c>
      <c r="B63" s="159" t="s">
        <v>246</v>
      </c>
      <c r="D63" s="62" t="s">
        <v>1</v>
      </c>
      <c r="E63" s="63">
        <v>50</v>
      </c>
    </row>
    <row r="64" spans="1:5" s="115" customFormat="1" ht="27" customHeight="1" x14ac:dyDescent="0.25">
      <c r="A64" s="183" t="s">
        <v>74</v>
      </c>
      <c r="B64" s="159" t="s">
        <v>247</v>
      </c>
      <c r="D64" s="62" t="s">
        <v>1</v>
      </c>
      <c r="E64" s="63">
        <v>50</v>
      </c>
    </row>
    <row r="65" spans="1:5" s="115" customFormat="1" ht="27" customHeight="1" x14ac:dyDescent="0.25">
      <c r="A65" s="183" t="s">
        <v>75</v>
      </c>
      <c r="B65" s="159" t="s">
        <v>238</v>
      </c>
      <c r="C65" s="159"/>
      <c r="D65" s="62" t="s">
        <v>1</v>
      </c>
      <c r="E65" s="63">
        <v>50</v>
      </c>
    </row>
    <row r="66" spans="1:5" s="115" customFormat="1" ht="27" customHeight="1" x14ac:dyDescent="0.25">
      <c r="A66" s="183" t="s">
        <v>76</v>
      </c>
      <c r="B66" s="159" t="s">
        <v>248</v>
      </c>
      <c r="C66" s="159"/>
      <c r="D66" s="62" t="s">
        <v>1</v>
      </c>
      <c r="E66" s="63">
        <v>50</v>
      </c>
    </row>
    <row r="67" spans="1:5" s="115" customFormat="1" ht="27" customHeight="1" x14ac:dyDescent="0.25">
      <c r="A67" s="183" t="s">
        <v>77</v>
      </c>
      <c r="B67" s="64" t="s">
        <v>239</v>
      </c>
      <c r="C67" s="159"/>
      <c r="D67" s="62" t="s">
        <v>1</v>
      </c>
      <c r="E67" s="63">
        <v>85</v>
      </c>
    </row>
    <row r="68" spans="1:5" s="2" customFormat="1" ht="20.25" customHeight="1" x14ac:dyDescent="0.25">
      <c r="A68" s="184" t="s">
        <v>61</v>
      </c>
      <c r="B68" s="64"/>
      <c r="C68" s="64"/>
      <c r="D68" s="62"/>
      <c r="E68" s="65">
        <f>SUM(E55:E67)</f>
        <v>858</v>
      </c>
    </row>
    <row r="69" spans="1:5" s="81" customFormat="1" ht="27" customHeight="1" x14ac:dyDescent="0.25">
      <c r="A69" s="199" t="s">
        <v>85</v>
      </c>
      <c r="B69" s="200"/>
      <c r="C69" s="200"/>
      <c r="D69" s="200"/>
      <c r="E69" s="201"/>
    </row>
    <row r="70" spans="1:5" s="81" customFormat="1" ht="27" customHeight="1" x14ac:dyDescent="0.25">
      <c r="A70" s="183" t="s">
        <v>59</v>
      </c>
      <c r="B70" s="202" t="s">
        <v>316</v>
      </c>
      <c r="C70" s="202"/>
      <c r="D70" s="62" t="s">
        <v>1</v>
      </c>
      <c r="E70" s="63">
        <v>110</v>
      </c>
    </row>
    <row r="71" spans="1:5" s="2" customFormat="1" ht="20.25" customHeight="1" x14ac:dyDescent="0.25">
      <c r="A71" s="184" t="s">
        <v>61</v>
      </c>
      <c r="B71" s="64"/>
      <c r="C71" s="64"/>
      <c r="D71" s="84"/>
      <c r="E71" s="65">
        <f>SUM(E70:E70)</f>
        <v>110</v>
      </c>
    </row>
    <row r="72" spans="1:5" s="2" customFormat="1" ht="10.5" customHeight="1" x14ac:dyDescent="0.25">
      <c r="A72" s="183"/>
      <c r="B72" s="64"/>
      <c r="C72" s="64"/>
      <c r="D72" s="64"/>
      <c r="E72" s="65"/>
    </row>
    <row r="73" spans="1:5" s="57" customFormat="1" ht="27" customHeight="1" x14ac:dyDescent="0.25">
      <c r="A73" s="199" t="s">
        <v>86</v>
      </c>
      <c r="B73" s="200"/>
      <c r="C73" s="200"/>
      <c r="D73" s="200"/>
      <c r="E73" s="201"/>
    </row>
    <row r="74" spans="1:5" s="2" customFormat="1" ht="27" customHeight="1" x14ac:dyDescent="0.25">
      <c r="A74" s="183" t="s">
        <v>59</v>
      </c>
      <c r="B74" s="120" t="s">
        <v>230</v>
      </c>
      <c r="C74" s="159"/>
      <c r="D74" s="59" t="s">
        <v>1</v>
      </c>
      <c r="E74" s="61">
        <v>10</v>
      </c>
    </row>
    <row r="75" spans="1:5" s="2" customFormat="1" ht="27" customHeight="1" x14ac:dyDescent="0.25">
      <c r="A75" s="183" t="s">
        <v>60</v>
      </c>
      <c r="B75" s="122" t="s">
        <v>231</v>
      </c>
      <c r="C75" s="159"/>
      <c r="D75" s="59" t="s">
        <v>1</v>
      </c>
      <c r="E75" s="61">
        <v>30</v>
      </c>
    </row>
    <row r="76" spans="1:5" s="2" customFormat="1" ht="27" customHeight="1" x14ac:dyDescent="0.25">
      <c r="A76" s="183" t="s">
        <v>67</v>
      </c>
      <c r="B76" s="122" t="s">
        <v>179</v>
      </c>
      <c r="C76" s="159"/>
      <c r="D76" s="59" t="s">
        <v>1</v>
      </c>
      <c r="E76" s="61">
        <v>30</v>
      </c>
    </row>
    <row r="77" spans="1:5" s="2" customFormat="1" ht="27" customHeight="1" x14ac:dyDescent="0.25">
      <c r="A77" s="183" t="s">
        <v>68</v>
      </c>
      <c r="B77" s="164" t="s">
        <v>180</v>
      </c>
      <c r="C77" s="159"/>
      <c r="D77" s="59" t="s">
        <v>1</v>
      </c>
      <c r="E77" s="61">
        <v>10</v>
      </c>
    </row>
    <row r="78" spans="1:5" s="2" customFormat="1" ht="27" customHeight="1" x14ac:dyDescent="0.25">
      <c r="A78" s="183" t="s">
        <v>69</v>
      </c>
      <c r="B78" s="122" t="s">
        <v>249</v>
      </c>
      <c r="C78" s="159"/>
      <c r="D78" s="59" t="s">
        <v>1</v>
      </c>
      <c r="E78" s="61">
        <v>40</v>
      </c>
    </row>
    <row r="79" spans="1:5" s="2" customFormat="1" ht="27" customHeight="1" x14ac:dyDescent="0.25">
      <c r="A79" s="183" t="s">
        <v>70</v>
      </c>
      <c r="B79" s="122" t="s">
        <v>234</v>
      </c>
      <c r="C79" s="159"/>
      <c r="D79" s="59" t="s">
        <v>1</v>
      </c>
      <c r="E79" s="61">
        <v>30</v>
      </c>
    </row>
    <row r="80" spans="1:5" s="2" customFormat="1" ht="27" customHeight="1" x14ac:dyDescent="0.25">
      <c r="A80" s="183" t="s">
        <v>71</v>
      </c>
      <c r="B80" s="120" t="s">
        <v>250</v>
      </c>
      <c r="C80" s="159"/>
      <c r="D80" s="59" t="s">
        <v>1</v>
      </c>
      <c r="E80" s="61">
        <v>40</v>
      </c>
    </row>
    <row r="81" spans="1:5" s="2" customFormat="1" ht="27" customHeight="1" x14ac:dyDescent="0.25">
      <c r="A81" s="183" t="s">
        <v>72</v>
      </c>
      <c r="B81" s="164" t="s">
        <v>181</v>
      </c>
      <c r="C81" s="159"/>
      <c r="D81" s="59" t="s">
        <v>1</v>
      </c>
      <c r="E81" s="61">
        <v>30</v>
      </c>
    </row>
    <row r="82" spans="1:5" s="2" customFormat="1" ht="27" customHeight="1" x14ac:dyDescent="0.25">
      <c r="A82" s="183" t="s">
        <v>73</v>
      </c>
      <c r="B82" s="120" t="s">
        <v>182</v>
      </c>
      <c r="C82" s="159"/>
      <c r="D82" s="59" t="s">
        <v>1</v>
      </c>
      <c r="E82" s="61">
        <v>30</v>
      </c>
    </row>
    <row r="83" spans="1:5" s="2" customFormat="1" ht="27" customHeight="1" x14ac:dyDescent="0.25">
      <c r="A83" s="183" t="s">
        <v>74</v>
      </c>
      <c r="B83" s="120" t="s">
        <v>183</v>
      </c>
      <c r="C83" s="159"/>
      <c r="D83" s="59" t="s">
        <v>1</v>
      </c>
      <c r="E83" s="61">
        <v>20</v>
      </c>
    </row>
    <row r="84" spans="1:5" s="2" customFormat="1" ht="27" customHeight="1" x14ac:dyDescent="0.25">
      <c r="A84" s="183" t="s">
        <v>75</v>
      </c>
      <c r="B84" s="165" t="s">
        <v>238</v>
      </c>
      <c r="C84" s="159"/>
      <c r="D84" s="59" t="s">
        <v>1</v>
      </c>
      <c r="E84" s="61">
        <v>50</v>
      </c>
    </row>
    <row r="85" spans="1:5" s="2" customFormat="1" ht="27" customHeight="1" x14ac:dyDescent="0.25">
      <c r="A85" s="183" t="s">
        <v>76</v>
      </c>
      <c r="B85" s="166" t="s">
        <v>82</v>
      </c>
      <c r="C85" s="159"/>
      <c r="D85" s="59" t="s">
        <v>1</v>
      </c>
      <c r="E85" s="61">
        <v>200</v>
      </c>
    </row>
    <row r="86" spans="1:5" s="2" customFormat="1" ht="27" customHeight="1" x14ac:dyDescent="0.25">
      <c r="A86" s="183" t="s">
        <v>77</v>
      </c>
      <c r="B86" s="163" t="s">
        <v>251</v>
      </c>
      <c r="C86" s="159"/>
      <c r="D86" s="59" t="s">
        <v>1</v>
      </c>
      <c r="E86" s="61">
        <v>200</v>
      </c>
    </row>
    <row r="87" spans="1:5" s="2" customFormat="1" ht="27" customHeight="1" x14ac:dyDescent="0.25">
      <c r="A87" s="183" t="s">
        <v>78</v>
      </c>
      <c r="B87" s="165" t="s">
        <v>252</v>
      </c>
      <c r="C87" s="159"/>
      <c r="D87" s="59" t="s">
        <v>1</v>
      </c>
      <c r="E87" s="61">
        <v>50</v>
      </c>
    </row>
    <row r="88" spans="1:5" s="2" customFormat="1" ht="27" customHeight="1" x14ac:dyDescent="0.25">
      <c r="A88" s="184" t="s">
        <v>61</v>
      </c>
      <c r="B88" s="159"/>
      <c r="C88" s="159"/>
      <c r="D88" s="59"/>
      <c r="E88" s="162">
        <f>SUM(E74:E87)</f>
        <v>770</v>
      </c>
    </row>
    <row r="89" spans="1:5" s="2" customFormat="1" ht="10.5" customHeight="1" x14ac:dyDescent="0.25">
      <c r="A89" s="183"/>
      <c r="B89" s="64"/>
      <c r="C89" s="64"/>
      <c r="D89" s="64"/>
      <c r="E89" s="65"/>
    </row>
    <row r="90" spans="1:5" s="115" customFormat="1" ht="27" customHeight="1" x14ac:dyDescent="0.25">
      <c r="A90" s="199" t="s">
        <v>87</v>
      </c>
      <c r="B90" s="200"/>
      <c r="C90" s="200"/>
      <c r="D90" s="200"/>
      <c r="E90" s="201"/>
    </row>
    <row r="91" spans="1:5" s="2" customFormat="1" ht="27" customHeight="1" x14ac:dyDescent="0.25">
      <c r="A91" s="183" t="s">
        <v>59</v>
      </c>
      <c r="B91" s="120" t="s">
        <v>230</v>
      </c>
      <c r="C91" s="159"/>
      <c r="D91" s="59" t="s">
        <v>1</v>
      </c>
      <c r="E91" s="61">
        <v>18</v>
      </c>
    </row>
    <row r="92" spans="1:5" s="2" customFormat="1" ht="27" customHeight="1" x14ac:dyDescent="0.25">
      <c r="A92" s="183" t="s">
        <v>60</v>
      </c>
      <c r="B92" s="121" t="s">
        <v>231</v>
      </c>
      <c r="C92" s="159"/>
      <c r="D92" s="59" t="s">
        <v>1</v>
      </c>
      <c r="E92" s="61">
        <v>400</v>
      </c>
    </row>
    <row r="93" spans="1:5" s="2" customFormat="1" ht="27" customHeight="1" x14ac:dyDescent="0.25">
      <c r="A93" s="183" t="s">
        <v>67</v>
      </c>
      <c r="B93" s="122" t="s">
        <v>232</v>
      </c>
      <c r="C93" s="159"/>
      <c r="D93" s="59" t="s">
        <v>1</v>
      </c>
      <c r="E93" s="61">
        <v>18</v>
      </c>
    </row>
    <row r="94" spans="1:5" s="2" customFormat="1" ht="27" customHeight="1" x14ac:dyDescent="0.25">
      <c r="A94" s="183" t="s">
        <v>68</v>
      </c>
      <c r="B94" s="122" t="s">
        <v>233</v>
      </c>
      <c r="C94" s="159"/>
      <c r="D94" s="59" t="s">
        <v>1</v>
      </c>
      <c r="E94" s="61">
        <v>97</v>
      </c>
    </row>
    <row r="95" spans="1:5" s="2" customFormat="1" ht="27" customHeight="1" x14ac:dyDescent="0.25">
      <c r="A95" s="183" t="s">
        <v>69</v>
      </c>
      <c r="B95" s="120" t="s">
        <v>234</v>
      </c>
      <c r="C95" s="159"/>
      <c r="D95" s="59" t="s">
        <v>1</v>
      </c>
      <c r="E95" s="61">
        <v>57</v>
      </c>
    </row>
    <row r="96" spans="1:5" s="2" customFormat="1" ht="27" customHeight="1" x14ac:dyDescent="0.25">
      <c r="A96" s="183" t="s">
        <v>70</v>
      </c>
      <c r="B96" s="122" t="s">
        <v>235</v>
      </c>
      <c r="C96" s="159"/>
      <c r="D96" s="59" t="s">
        <v>1</v>
      </c>
      <c r="E96" s="61">
        <v>100</v>
      </c>
    </row>
    <row r="97" spans="1:5" s="2" customFormat="1" ht="27" customHeight="1" x14ac:dyDescent="0.25">
      <c r="A97" s="183" t="s">
        <v>71</v>
      </c>
      <c r="B97" s="123" t="s">
        <v>236</v>
      </c>
      <c r="C97" s="159"/>
      <c r="D97" s="59" t="s">
        <v>1</v>
      </c>
      <c r="E97" s="61">
        <v>930</v>
      </c>
    </row>
    <row r="98" spans="1:5" s="2" customFormat="1" ht="27" customHeight="1" x14ac:dyDescent="0.25">
      <c r="A98" s="183" t="s">
        <v>72</v>
      </c>
      <c r="B98" s="123" t="s">
        <v>243</v>
      </c>
      <c r="C98" s="159"/>
      <c r="D98" s="59" t="s">
        <v>1</v>
      </c>
      <c r="E98" s="61">
        <v>800</v>
      </c>
    </row>
    <row r="99" spans="1:5" s="2" customFormat="1" ht="27" customHeight="1" x14ac:dyDescent="0.25">
      <c r="A99" s="183" t="s">
        <v>73</v>
      </c>
      <c r="B99" s="120" t="s">
        <v>237</v>
      </c>
      <c r="C99" s="159"/>
      <c r="D99" s="59" t="s">
        <v>1</v>
      </c>
      <c r="E99" s="61">
        <v>185</v>
      </c>
    </row>
    <row r="100" spans="1:5" s="2" customFormat="1" ht="27" customHeight="1" x14ac:dyDescent="0.25">
      <c r="A100" s="183" t="s">
        <v>74</v>
      </c>
      <c r="B100" s="124" t="s">
        <v>238</v>
      </c>
      <c r="C100" s="159"/>
      <c r="D100" s="59" t="s">
        <v>1</v>
      </c>
      <c r="E100" s="61">
        <v>370</v>
      </c>
    </row>
    <row r="101" spans="1:5" s="2" customFormat="1" ht="27" customHeight="1" x14ac:dyDescent="0.25">
      <c r="A101" s="183" t="s">
        <v>75</v>
      </c>
      <c r="B101" s="124" t="s">
        <v>253</v>
      </c>
      <c r="C101" s="159"/>
      <c r="D101" s="59" t="s">
        <v>1</v>
      </c>
      <c r="E101" s="61">
        <v>57</v>
      </c>
    </row>
    <row r="102" spans="1:5" s="2" customFormat="1" ht="27" customHeight="1" x14ac:dyDescent="0.25">
      <c r="A102" s="183" t="s">
        <v>76</v>
      </c>
      <c r="B102" s="124" t="s">
        <v>254</v>
      </c>
      <c r="C102" s="159"/>
      <c r="D102" s="59" t="s">
        <v>1</v>
      </c>
      <c r="E102" s="61">
        <v>40</v>
      </c>
    </row>
    <row r="103" spans="1:5" s="2" customFormat="1" ht="27" customHeight="1" x14ac:dyDescent="0.25">
      <c r="A103" s="183" t="s">
        <v>77</v>
      </c>
      <c r="B103" s="124" t="s">
        <v>255</v>
      </c>
      <c r="C103" s="159"/>
      <c r="D103" s="59" t="s">
        <v>1</v>
      </c>
      <c r="E103" s="61">
        <v>4</v>
      </c>
    </row>
    <row r="104" spans="1:5" s="2" customFormat="1" ht="27" customHeight="1" x14ac:dyDescent="0.25">
      <c r="A104" s="183" t="s">
        <v>78</v>
      </c>
      <c r="B104" s="124" t="s">
        <v>256</v>
      </c>
      <c r="C104" s="159"/>
      <c r="D104" s="59" t="s">
        <v>1</v>
      </c>
      <c r="E104" s="61">
        <v>360</v>
      </c>
    </row>
    <row r="105" spans="1:5" s="2" customFormat="1" ht="27" customHeight="1" x14ac:dyDescent="0.25">
      <c r="A105" s="183" t="s">
        <v>79</v>
      </c>
      <c r="B105" s="124" t="s">
        <v>239</v>
      </c>
      <c r="C105" s="159"/>
      <c r="D105" s="59" t="s">
        <v>1</v>
      </c>
      <c r="E105" s="61">
        <v>160</v>
      </c>
    </row>
    <row r="106" spans="1:5" s="2" customFormat="1" ht="27" customHeight="1" x14ac:dyDescent="0.25">
      <c r="A106" s="183" t="s">
        <v>89</v>
      </c>
      <c r="B106" s="120" t="s">
        <v>88</v>
      </c>
      <c r="C106" s="159"/>
      <c r="D106" s="59" t="s">
        <v>1</v>
      </c>
      <c r="E106" s="61">
        <v>40</v>
      </c>
    </row>
    <row r="107" spans="1:5" s="2" customFormat="1" ht="27" customHeight="1" x14ac:dyDescent="0.25">
      <c r="A107" s="183" t="s">
        <v>90</v>
      </c>
      <c r="B107" s="122" t="s">
        <v>257</v>
      </c>
      <c r="C107" s="159"/>
      <c r="D107" s="59" t="s">
        <v>1</v>
      </c>
      <c r="E107" s="61">
        <v>119</v>
      </c>
    </row>
    <row r="108" spans="1:5" s="2" customFormat="1" ht="26.25" customHeight="1" x14ac:dyDescent="0.25">
      <c r="A108" s="184" t="s">
        <v>61</v>
      </c>
      <c r="B108" s="159"/>
      <c r="C108" s="159"/>
      <c r="D108" s="59"/>
      <c r="E108" s="162">
        <f>SUM(E91:E107)</f>
        <v>3755</v>
      </c>
    </row>
    <row r="109" spans="1:5" s="115" customFormat="1" ht="27" customHeight="1" x14ac:dyDescent="0.25">
      <c r="A109" s="199" t="s">
        <v>91</v>
      </c>
      <c r="B109" s="200"/>
      <c r="C109" s="200"/>
      <c r="D109" s="200"/>
      <c r="E109" s="201"/>
    </row>
    <row r="110" spans="1:5" s="2" customFormat="1" ht="27" customHeight="1" x14ac:dyDescent="0.25">
      <c r="A110" s="183" t="s">
        <v>59</v>
      </c>
      <c r="B110" s="120" t="s">
        <v>230</v>
      </c>
      <c r="C110" s="159"/>
      <c r="D110" s="59" t="s">
        <v>1</v>
      </c>
      <c r="E110" s="61">
        <v>66</v>
      </c>
    </row>
    <row r="111" spans="1:5" s="2" customFormat="1" ht="27" customHeight="1" x14ac:dyDescent="0.25">
      <c r="A111" s="183" t="s">
        <v>60</v>
      </c>
      <c r="B111" s="121" t="s">
        <v>231</v>
      </c>
      <c r="C111" s="159"/>
      <c r="D111" s="59" t="s">
        <v>1</v>
      </c>
      <c r="E111" s="61">
        <v>530</v>
      </c>
    </row>
    <row r="112" spans="1:5" s="2" customFormat="1" ht="27" customHeight="1" x14ac:dyDescent="0.25">
      <c r="A112" s="183" t="s">
        <v>67</v>
      </c>
      <c r="B112" s="122" t="s">
        <v>232</v>
      </c>
      <c r="C112" s="159"/>
      <c r="D112" s="59" t="s">
        <v>1</v>
      </c>
      <c r="E112" s="61">
        <v>26</v>
      </c>
    </row>
    <row r="113" spans="1:5" s="2" customFormat="1" ht="27" customHeight="1" x14ac:dyDescent="0.25">
      <c r="A113" s="183" t="s">
        <v>68</v>
      </c>
      <c r="B113" s="122" t="s">
        <v>233</v>
      </c>
      <c r="C113" s="159"/>
      <c r="D113" s="59" t="s">
        <v>1</v>
      </c>
      <c r="E113" s="61">
        <v>180</v>
      </c>
    </row>
    <row r="114" spans="1:5" s="2" customFormat="1" ht="27" customHeight="1" x14ac:dyDescent="0.25">
      <c r="A114" s="183" t="s">
        <v>69</v>
      </c>
      <c r="B114" s="120" t="s">
        <v>234</v>
      </c>
      <c r="C114" s="159"/>
      <c r="D114" s="59" t="s">
        <v>1</v>
      </c>
      <c r="E114" s="61">
        <v>136</v>
      </c>
    </row>
    <row r="115" spans="1:5" s="2" customFormat="1" ht="27" customHeight="1" x14ac:dyDescent="0.25">
      <c r="A115" s="183" t="s">
        <v>70</v>
      </c>
      <c r="B115" s="122" t="s">
        <v>235</v>
      </c>
      <c r="C115" s="159"/>
      <c r="D115" s="59" t="s">
        <v>1</v>
      </c>
      <c r="E115" s="61">
        <v>75</v>
      </c>
    </row>
    <row r="116" spans="1:5" s="2" customFormat="1" ht="27" customHeight="1" x14ac:dyDescent="0.25">
      <c r="A116" s="183" t="s">
        <v>71</v>
      </c>
      <c r="B116" s="123" t="s">
        <v>236</v>
      </c>
      <c r="C116" s="159"/>
      <c r="D116" s="59" t="s">
        <v>1</v>
      </c>
      <c r="E116" s="61">
        <v>590</v>
      </c>
    </row>
    <row r="117" spans="1:5" s="2" customFormat="1" ht="27" customHeight="1" x14ac:dyDescent="0.25">
      <c r="A117" s="183" t="s">
        <v>72</v>
      </c>
      <c r="B117" s="123" t="s">
        <v>243</v>
      </c>
      <c r="C117" s="159"/>
      <c r="D117" s="59" t="s">
        <v>1</v>
      </c>
      <c r="E117" s="61">
        <v>53</v>
      </c>
    </row>
    <row r="118" spans="1:5" s="2" customFormat="1" ht="27" customHeight="1" x14ac:dyDescent="0.25">
      <c r="A118" s="183" t="s">
        <v>73</v>
      </c>
      <c r="B118" s="120" t="s">
        <v>237</v>
      </c>
      <c r="C118" s="159"/>
      <c r="D118" s="59" t="s">
        <v>1</v>
      </c>
      <c r="E118" s="61">
        <v>57</v>
      </c>
    </row>
    <row r="119" spans="1:5" s="2" customFormat="1" ht="27" customHeight="1" x14ac:dyDescent="0.25">
      <c r="A119" s="183" t="s">
        <v>74</v>
      </c>
      <c r="B119" s="124" t="s">
        <v>238</v>
      </c>
      <c r="C119" s="159"/>
      <c r="D119" s="59" t="s">
        <v>1</v>
      </c>
      <c r="E119" s="61">
        <v>198</v>
      </c>
    </row>
    <row r="120" spans="1:5" s="2" customFormat="1" ht="27" customHeight="1" x14ac:dyDescent="0.25">
      <c r="A120" s="183" t="s">
        <v>76</v>
      </c>
      <c r="B120" s="124" t="s">
        <v>239</v>
      </c>
      <c r="C120" s="159"/>
      <c r="D120" s="59" t="s">
        <v>1</v>
      </c>
      <c r="E120" s="61">
        <v>238</v>
      </c>
    </row>
    <row r="121" spans="1:5" s="2" customFormat="1" ht="27.75" customHeight="1" x14ac:dyDescent="0.25">
      <c r="A121" s="185" t="s">
        <v>61</v>
      </c>
      <c r="B121" s="88"/>
      <c r="C121" s="88"/>
      <c r="D121" s="60"/>
      <c r="E121" s="89">
        <f>SUM(E110:E120)</f>
        <v>2149</v>
      </c>
    </row>
    <row r="122" spans="1:5" s="2" customFormat="1" ht="10.5" customHeight="1" x14ac:dyDescent="0.25">
      <c r="A122" s="186"/>
      <c r="B122" s="80"/>
      <c r="C122" s="80"/>
      <c r="D122" s="59"/>
      <c r="E122" s="83"/>
    </row>
    <row r="123" spans="1:5" s="9" customFormat="1" ht="10.5" customHeight="1" x14ac:dyDescent="0.25">
      <c r="A123" s="211" t="s">
        <v>14</v>
      </c>
      <c r="B123" s="211"/>
      <c r="C123" s="56"/>
      <c r="D123" s="56"/>
    </row>
    <row r="124" spans="1:5" s="9" customFormat="1" ht="27" customHeight="1" x14ac:dyDescent="0.2">
      <c r="A124" s="187"/>
      <c r="B124" s="9" t="s">
        <v>2</v>
      </c>
      <c r="C124" s="56"/>
      <c r="D124" s="56"/>
    </row>
    <row r="125" spans="1:5" s="9" customFormat="1" ht="27" customHeight="1" x14ac:dyDescent="0.25">
      <c r="A125" s="27"/>
      <c r="B125" s="2" t="s">
        <v>3</v>
      </c>
      <c r="C125" s="56"/>
      <c r="D125" s="56"/>
    </row>
    <row r="126" spans="1:5" ht="10.5" customHeight="1" x14ac:dyDescent="0.2"/>
    <row r="127" spans="1:5" s="2" customFormat="1" ht="20.100000000000001" customHeight="1" x14ac:dyDescent="0.25">
      <c r="A127" s="206" t="s">
        <v>18</v>
      </c>
      <c r="B127" s="206"/>
      <c r="C127" s="206"/>
      <c r="D127" s="206"/>
      <c r="E127" s="206"/>
    </row>
    <row r="128" spans="1:5" s="2" customFormat="1" ht="5.0999999999999996" customHeight="1" thickBot="1" x14ac:dyDescent="0.3">
      <c r="A128" s="156"/>
      <c r="C128" s="6"/>
      <c r="D128" s="6"/>
    </row>
    <row r="129" spans="1:5" s="3" customFormat="1" ht="99.75" customHeight="1" x14ac:dyDescent="0.25">
      <c r="A129" s="233" t="s">
        <v>0</v>
      </c>
      <c r="B129" s="234"/>
      <c r="C129" s="212" t="s">
        <v>19</v>
      </c>
      <c r="D129" s="213"/>
      <c r="E129" s="16"/>
    </row>
    <row r="130" spans="1:5" s="3" customFormat="1" ht="35.25" customHeight="1" x14ac:dyDescent="0.25">
      <c r="A130" s="235"/>
      <c r="B130" s="236"/>
      <c r="C130" s="194" t="s">
        <v>20</v>
      </c>
      <c r="D130" s="193" t="s">
        <v>21</v>
      </c>
    </row>
    <row r="131" spans="1:5" s="18" customFormat="1" ht="30.75" customHeight="1" x14ac:dyDescent="0.25">
      <c r="A131" s="208" t="s">
        <v>80</v>
      </c>
      <c r="B131" s="209"/>
      <c r="C131" s="209"/>
      <c r="D131" s="210"/>
    </row>
    <row r="132" spans="1:5" s="4" customFormat="1" ht="60" customHeight="1" x14ac:dyDescent="0.25">
      <c r="A132" s="117" t="s">
        <v>11</v>
      </c>
      <c r="B132" s="129" t="s">
        <v>223</v>
      </c>
      <c r="C132" s="38"/>
      <c r="D132" s="42"/>
    </row>
    <row r="133" spans="1:5" s="4" customFormat="1" ht="30" customHeight="1" x14ac:dyDescent="0.25">
      <c r="A133" s="40" t="s">
        <v>134</v>
      </c>
      <c r="B133" s="116" t="s">
        <v>165</v>
      </c>
      <c r="C133" s="38"/>
      <c r="D133" s="42"/>
    </row>
    <row r="134" spans="1:5" s="4" customFormat="1" ht="30" customHeight="1" x14ac:dyDescent="0.25">
      <c r="A134" s="40" t="s">
        <v>107</v>
      </c>
      <c r="B134" s="126" t="s">
        <v>166</v>
      </c>
      <c r="C134" s="38"/>
      <c r="D134" s="42"/>
    </row>
    <row r="135" spans="1:5" s="4" customFormat="1" ht="30" customHeight="1" x14ac:dyDescent="0.25">
      <c r="A135" s="40" t="s">
        <v>108</v>
      </c>
      <c r="B135" s="126" t="s">
        <v>224</v>
      </c>
      <c r="C135" s="38"/>
      <c r="D135" s="42"/>
    </row>
    <row r="136" spans="1:5" s="4" customFormat="1" ht="30" customHeight="1" x14ac:dyDescent="0.25">
      <c r="A136" s="40" t="s">
        <v>109</v>
      </c>
      <c r="B136" s="126" t="s">
        <v>167</v>
      </c>
      <c r="C136" s="38"/>
      <c r="D136" s="42"/>
    </row>
    <row r="137" spans="1:5" s="4" customFormat="1" ht="44.25" customHeight="1" x14ac:dyDescent="0.25">
      <c r="A137" s="40" t="s">
        <v>110</v>
      </c>
      <c r="B137" s="130" t="s">
        <v>169</v>
      </c>
      <c r="C137" s="38"/>
      <c r="D137" s="42"/>
    </row>
    <row r="138" spans="1:5" s="4" customFormat="1" ht="30" customHeight="1" x14ac:dyDescent="0.25">
      <c r="A138" s="40" t="s">
        <v>111</v>
      </c>
      <c r="B138" s="130" t="s">
        <v>170</v>
      </c>
      <c r="C138" s="38"/>
      <c r="D138" s="42"/>
    </row>
    <row r="139" spans="1:5" s="4" customFormat="1" ht="30" customHeight="1" x14ac:dyDescent="0.25">
      <c r="A139" s="40" t="s">
        <v>112</v>
      </c>
      <c r="B139" s="126" t="s">
        <v>168</v>
      </c>
      <c r="C139" s="38"/>
      <c r="D139" s="42"/>
    </row>
    <row r="140" spans="1:5" s="4" customFormat="1" ht="49.5" customHeight="1" x14ac:dyDescent="0.25">
      <c r="A140" s="40" t="s">
        <v>113</v>
      </c>
      <c r="B140" s="126" t="s">
        <v>171</v>
      </c>
      <c r="C140" s="38"/>
      <c r="D140" s="42"/>
    </row>
    <row r="141" spans="1:5" s="4" customFormat="1" ht="30" customHeight="1" x14ac:dyDescent="0.25">
      <c r="A141" s="40" t="s">
        <v>114</v>
      </c>
      <c r="B141" s="130" t="s">
        <v>172</v>
      </c>
      <c r="C141" s="38"/>
      <c r="D141" s="42"/>
    </row>
    <row r="142" spans="1:5" s="4" customFormat="1" ht="30" customHeight="1" x14ac:dyDescent="0.25">
      <c r="A142" s="40" t="s">
        <v>143</v>
      </c>
      <c r="B142" s="126" t="s">
        <v>173</v>
      </c>
      <c r="C142" s="38"/>
      <c r="D142" s="42"/>
    </row>
    <row r="143" spans="1:5" s="4" customFormat="1" ht="30" customHeight="1" x14ac:dyDescent="0.25">
      <c r="A143" s="40" t="s">
        <v>144</v>
      </c>
      <c r="B143" s="130" t="s">
        <v>174</v>
      </c>
      <c r="C143" s="38"/>
      <c r="D143" s="42"/>
    </row>
    <row r="144" spans="1:5" s="4" customFormat="1" ht="30" customHeight="1" x14ac:dyDescent="0.25">
      <c r="A144" s="40" t="s">
        <v>145</v>
      </c>
      <c r="B144" s="126" t="s">
        <v>175</v>
      </c>
      <c r="C144" s="38"/>
      <c r="D144" s="42"/>
    </row>
    <row r="145" spans="1:4" s="4" customFormat="1" ht="30" customHeight="1" x14ac:dyDescent="0.25">
      <c r="A145" s="40" t="s">
        <v>146</v>
      </c>
      <c r="B145" s="126" t="s">
        <v>176</v>
      </c>
      <c r="C145" s="38"/>
      <c r="D145" s="42"/>
    </row>
    <row r="146" spans="1:4" s="4" customFormat="1" ht="51" customHeight="1" x14ac:dyDescent="0.25">
      <c r="A146" s="40" t="s">
        <v>204</v>
      </c>
      <c r="B146" s="126" t="s">
        <v>177</v>
      </c>
      <c r="C146" s="38"/>
      <c r="D146" s="42"/>
    </row>
    <row r="147" spans="1:4" s="4" customFormat="1" ht="30" customHeight="1" x14ac:dyDescent="0.25">
      <c r="A147" s="179" t="s">
        <v>46</v>
      </c>
      <c r="B147" s="125" t="s">
        <v>105</v>
      </c>
      <c r="C147" s="50"/>
      <c r="D147" s="42"/>
    </row>
    <row r="148" spans="1:4" s="4" customFormat="1" ht="30" customHeight="1" x14ac:dyDescent="0.25">
      <c r="A148" s="33" t="s">
        <v>115</v>
      </c>
      <c r="B148" s="142" t="s">
        <v>230</v>
      </c>
      <c r="C148" s="50"/>
      <c r="D148" s="42"/>
    </row>
    <row r="149" spans="1:4" s="4" customFormat="1" ht="30" customHeight="1" x14ac:dyDescent="0.25">
      <c r="A149" s="33" t="s">
        <v>116</v>
      </c>
      <c r="B149" s="143" t="s">
        <v>231</v>
      </c>
      <c r="C149" s="50"/>
      <c r="D149" s="42"/>
    </row>
    <row r="150" spans="1:4" s="4" customFormat="1" ht="30" customHeight="1" x14ac:dyDescent="0.25">
      <c r="A150" s="33" t="s">
        <v>117</v>
      </c>
      <c r="B150" s="143" t="s">
        <v>232</v>
      </c>
      <c r="C150" s="50"/>
      <c r="D150" s="42"/>
    </row>
    <row r="151" spans="1:4" s="4" customFormat="1" ht="30" customHeight="1" x14ac:dyDescent="0.25">
      <c r="A151" s="33" t="s">
        <v>118</v>
      </c>
      <c r="B151" s="144" t="s">
        <v>233</v>
      </c>
      <c r="C151" s="50"/>
      <c r="D151" s="42"/>
    </row>
    <row r="152" spans="1:4" s="4" customFormat="1" ht="30" customHeight="1" x14ac:dyDescent="0.25">
      <c r="A152" s="33" t="s">
        <v>119</v>
      </c>
      <c r="B152" s="143" t="s">
        <v>234</v>
      </c>
      <c r="C152" s="50"/>
      <c r="D152" s="42"/>
    </row>
    <row r="153" spans="1:4" s="4" customFormat="1" ht="30" customHeight="1" x14ac:dyDescent="0.25">
      <c r="A153" s="33" t="s">
        <v>120</v>
      </c>
      <c r="B153" s="143" t="s">
        <v>235</v>
      </c>
      <c r="C153" s="50"/>
      <c r="D153" s="42"/>
    </row>
    <row r="154" spans="1:4" s="4" customFormat="1" ht="30" customHeight="1" x14ac:dyDescent="0.25">
      <c r="A154" s="33" t="s">
        <v>121</v>
      </c>
      <c r="B154" s="145" t="s">
        <v>236</v>
      </c>
      <c r="C154" s="50"/>
      <c r="D154" s="42"/>
    </row>
    <row r="155" spans="1:4" s="4" customFormat="1" ht="30" customHeight="1" x14ac:dyDescent="0.25">
      <c r="A155" s="33" t="s">
        <v>122</v>
      </c>
      <c r="B155" s="145" t="s">
        <v>243</v>
      </c>
      <c r="C155" s="50"/>
      <c r="D155" s="42"/>
    </row>
    <row r="156" spans="1:4" s="4" customFormat="1" ht="30" customHeight="1" x14ac:dyDescent="0.25">
      <c r="A156" s="33" t="s">
        <v>123</v>
      </c>
      <c r="B156" s="142" t="s">
        <v>237</v>
      </c>
      <c r="C156" s="50"/>
      <c r="D156" s="42"/>
    </row>
    <row r="157" spans="1:4" s="4" customFormat="1" ht="30" customHeight="1" x14ac:dyDescent="0.25">
      <c r="A157" s="33" t="s">
        <v>124</v>
      </c>
      <c r="B157" s="142" t="s">
        <v>238</v>
      </c>
      <c r="C157" s="50"/>
      <c r="D157" s="42"/>
    </row>
    <row r="158" spans="1:4" s="4" customFormat="1" ht="30" customHeight="1" x14ac:dyDescent="0.25">
      <c r="A158" s="33" t="s">
        <v>125</v>
      </c>
      <c r="B158" s="146" t="s">
        <v>239</v>
      </c>
      <c r="C158" s="50"/>
      <c r="D158" s="42"/>
    </row>
    <row r="159" spans="1:4" s="4" customFormat="1" ht="30" customHeight="1" x14ac:dyDescent="0.25">
      <c r="A159" s="33" t="s">
        <v>126</v>
      </c>
      <c r="B159" s="147" t="s">
        <v>240</v>
      </c>
      <c r="C159" s="50"/>
      <c r="D159" s="42"/>
    </row>
    <row r="160" spans="1:4" s="4" customFormat="1" ht="30" customHeight="1" x14ac:dyDescent="0.25">
      <c r="A160" s="33" t="s">
        <v>127</v>
      </c>
      <c r="B160" s="148" t="s">
        <v>241</v>
      </c>
      <c r="C160" s="50"/>
      <c r="D160" s="42"/>
    </row>
    <row r="161" spans="1:4" s="4" customFormat="1" ht="30" customHeight="1" x14ac:dyDescent="0.25">
      <c r="A161" s="33" t="s">
        <v>128</v>
      </c>
      <c r="B161" s="149" t="s">
        <v>242</v>
      </c>
      <c r="C161" s="50"/>
      <c r="D161" s="42"/>
    </row>
    <row r="162" spans="1:4" s="4" customFormat="1" ht="30" customHeight="1" thickBot="1" x14ac:dyDescent="0.3">
      <c r="A162" s="33" t="s">
        <v>129</v>
      </c>
      <c r="B162" s="150" t="s">
        <v>318</v>
      </c>
      <c r="C162" s="50"/>
      <c r="D162" s="42"/>
    </row>
    <row r="163" spans="1:4" s="4" customFormat="1" ht="29.25" customHeight="1" x14ac:dyDescent="0.25">
      <c r="A163" s="243" t="s">
        <v>83</v>
      </c>
      <c r="B163" s="244"/>
      <c r="C163" s="244"/>
      <c r="D163" s="245"/>
    </row>
    <row r="164" spans="1:4" s="4" customFormat="1" ht="30" customHeight="1" x14ac:dyDescent="0.25">
      <c r="A164" s="192" t="s">
        <v>94</v>
      </c>
      <c r="B164" s="36" t="s">
        <v>135</v>
      </c>
      <c r="C164" s="38"/>
      <c r="D164" s="42"/>
    </row>
    <row r="165" spans="1:4" s="4" customFormat="1" ht="30" customHeight="1" x14ac:dyDescent="0.25">
      <c r="A165" s="40" t="s">
        <v>134</v>
      </c>
      <c r="B165" s="36" t="s">
        <v>130</v>
      </c>
      <c r="C165" s="38"/>
      <c r="D165" s="42"/>
    </row>
    <row r="166" spans="1:4" s="4" customFormat="1" ht="30" customHeight="1" x14ac:dyDescent="0.25">
      <c r="A166" s="40" t="s">
        <v>107</v>
      </c>
      <c r="B166" s="126" t="s">
        <v>217</v>
      </c>
      <c r="C166" s="38"/>
      <c r="D166" s="42"/>
    </row>
    <row r="167" spans="1:4" s="4" customFormat="1" ht="45.75" customHeight="1" x14ac:dyDescent="0.25">
      <c r="A167" s="40" t="s">
        <v>108</v>
      </c>
      <c r="B167" s="126" t="s">
        <v>131</v>
      </c>
      <c r="C167" s="38"/>
      <c r="D167" s="42"/>
    </row>
    <row r="168" spans="1:4" s="4" customFormat="1" ht="45.75" customHeight="1" x14ac:dyDescent="0.25">
      <c r="A168" s="40" t="s">
        <v>109</v>
      </c>
      <c r="B168" s="126" t="s">
        <v>132</v>
      </c>
      <c r="C168" s="38"/>
      <c r="D168" s="42"/>
    </row>
    <row r="169" spans="1:4" s="4" customFormat="1" ht="36.75" customHeight="1" x14ac:dyDescent="0.25">
      <c r="A169" s="40" t="s">
        <v>110</v>
      </c>
      <c r="B169" s="126" t="s">
        <v>133</v>
      </c>
      <c r="C169" s="38"/>
      <c r="D169" s="42"/>
    </row>
    <row r="170" spans="1:4" s="4" customFormat="1" ht="30" customHeight="1" x14ac:dyDescent="0.25">
      <c r="A170" s="40" t="s">
        <v>111</v>
      </c>
      <c r="B170" s="126" t="s">
        <v>218</v>
      </c>
      <c r="C170" s="38"/>
      <c r="D170" s="42"/>
    </row>
    <row r="171" spans="1:4" s="4" customFormat="1" ht="30" customHeight="1" x14ac:dyDescent="0.25">
      <c r="A171" s="192" t="s">
        <v>46</v>
      </c>
      <c r="B171" s="127" t="s">
        <v>136</v>
      </c>
      <c r="C171" s="38"/>
      <c r="D171" s="42"/>
    </row>
    <row r="172" spans="1:4" s="4" customFormat="1" ht="30" customHeight="1" x14ac:dyDescent="0.25">
      <c r="A172" s="40" t="s">
        <v>115</v>
      </c>
      <c r="B172" s="142" t="s">
        <v>230</v>
      </c>
      <c r="C172" s="38"/>
      <c r="D172" s="42"/>
    </row>
    <row r="173" spans="1:4" s="4" customFormat="1" ht="30" customHeight="1" thickBot="1" x14ac:dyDescent="0.3">
      <c r="A173" s="188" t="s">
        <v>116</v>
      </c>
      <c r="B173" s="151" t="s">
        <v>317</v>
      </c>
      <c r="C173" s="96"/>
      <c r="D173" s="97"/>
    </row>
    <row r="174" spans="1:4" s="4" customFormat="1" ht="29.25" customHeight="1" x14ac:dyDescent="0.25">
      <c r="A174" s="237" t="s">
        <v>153</v>
      </c>
      <c r="B174" s="238"/>
      <c r="C174" s="238"/>
      <c r="D174" s="239"/>
    </row>
    <row r="175" spans="1:4" s="4" customFormat="1" ht="44.25" customHeight="1" x14ac:dyDescent="0.25">
      <c r="A175" s="192" t="s">
        <v>11</v>
      </c>
      <c r="B175" s="36" t="s">
        <v>142</v>
      </c>
      <c r="C175" s="38"/>
      <c r="D175" s="42"/>
    </row>
    <row r="176" spans="1:4" s="4" customFormat="1" ht="30" customHeight="1" x14ac:dyDescent="0.25">
      <c r="A176" s="40" t="s">
        <v>134</v>
      </c>
      <c r="B176" s="36" t="s">
        <v>137</v>
      </c>
      <c r="C176" s="38"/>
      <c r="D176" s="42"/>
    </row>
    <row r="177" spans="1:4" s="4" customFormat="1" ht="30" customHeight="1" x14ac:dyDescent="0.25">
      <c r="A177" s="40" t="s">
        <v>107</v>
      </c>
      <c r="B177" s="126" t="s">
        <v>138</v>
      </c>
      <c r="C177" s="38"/>
      <c r="D177" s="42"/>
    </row>
    <row r="178" spans="1:4" s="4" customFormat="1" ht="44.25" customHeight="1" x14ac:dyDescent="0.25">
      <c r="A178" s="40" t="s">
        <v>108</v>
      </c>
      <c r="B178" s="126" t="s">
        <v>139</v>
      </c>
      <c r="C178" s="38"/>
      <c r="D178" s="42"/>
    </row>
    <row r="179" spans="1:4" s="4" customFormat="1" ht="30" customHeight="1" x14ac:dyDescent="0.25">
      <c r="A179" s="40" t="s">
        <v>109</v>
      </c>
      <c r="B179" s="126" t="s">
        <v>140</v>
      </c>
      <c r="C179" s="38"/>
      <c r="D179" s="42"/>
    </row>
    <row r="180" spans="1:4" s="4" customFormat="1" ht="30" customHeight="1" x14ac:dyDescent="0.25">
      <c r="A180" s="40" t="s">
        <v>110</v>
      </c>
      <c r="B180" s="126" t="s">
        <v>151</v>
      </c>
      <c r="C180" s="38"/>
      <c r="D180" s="42"/>
    </row>
    <row r="181" spans="1:4" s="4" customFormat="1" ht="63" customHeight="1" x14ac:dyDescent="0.25">
      <c r="A181" s="40" t="s">
        <v>111</v>
      </c>
      <c r="B181" s="126" t="s">
        <v>258</v>
      </c>
      <c r="C181" s="38"/>
      <c r="D181" s="42"/>
    </row>
    <row r="182" spans="1:4" s="4" customFormat="1" ht="30" customHeight="1" x14ac:dyDescent="0.25">
      <c r="A182" s="40" t="s">
        <v>112</v>
      </c>
      <c r="B182" s="126" t="s">
        <v>147</v>
      </c>
      <c r="C182" s="38"/>
      <c r="D182" s="42"/>
    </row>
    <row r="183" spans="1:4" s="4" customFormat="1" ht="30" customHeight="1" x14ac:dyDescent="0.25">
      <c r="A183" s="40" t="s">
        <v>113</v>
      </c>
      <c r="B183" s="126" t="s">
        <v>148</v>
      </c>
      <c r="C183" s="38"/>
      <c r="D183" s="42"/>
    </row>
    <row r="184" spans="1:4" s="4" customFormat="1" ht="30" customHeight="1" x14ac:dyDescent="0.25">
      <c r="A184" s="40" t="s">
        <v>114</v>
      </c>
      <c r="B184" s="126" t="s">
        <v>141</v>
      </c>
      <c r="C184" s="38"/>
      <c r="D184" s="42"/>
    </row>
    <row r="185" spans="1:4" s="4" customFormat="1" ht="33.75" customHeight="1" x14ac:dyDescent="0.25">
      <c r="A185" s="40" t="s">
        <v>143</v>
      </c>
      <c r="B185" s="126" t="s">
        <v>149</v>
      </c>
      <c r="C185" s="38"/>
      <c r="D185" s="42"/>
    </row>
    <row r="186" spans="1:4" s="4" customFormat="1" ht="30" customHeight="1" x14ac:dyDescent="0.25">
      <c r="A186" s="40" t="s">
        <v>144</v>
      </c>
      <c r="B186" s="126" t="s">
        <v>152</v>
      </c>
      <c r="C186" s="38"/>
      <c r="D186" s="42"/>
    </row>
    <row r="187" spans="1:4" s="4" customFormat="1" ht="30" customHeight="1" x14ac:dyDescent="0.25">
      <c r="A187" s="40" t="s">
        <v>145</v>
      </c>
      <c r="B187" s="126" t="s">
        <v>150</v>
      </c>
      <c r="C187" s="38"/>
      <c r="D187" s="42"/>
    </row>
    <row r="188" spans="1:4" s="4" customFormat="1" ht="30" customHeight="1" x14ac:dyDescent="0.25">
      <c r="A188" s="40" t="s">
        <v>146</v>
      </c>
      <c r="B188" s="126" t="s">
        <v>219</v>
      </c>
      <c r="C188" s="38"/>
      <c r="D188" s="42"/>
    </row>
    <row r="189" spans="1:4" s="4" customFormat="1" ht="27" customHeight="1" x14ac:dyDescent="0.25">
      <c r="A189" s="192" t="s">
        <v>46</v>
      </c>
      <c r="B189" s="127" t="s">
        <v>259</v>
      </c>
      <c r="C189" s="38"/>
      <c r="D189" s="42"/>
    </row>
    <row r="190" spans="1:4" s="4" customFormat="1" ht="30" customHeight="1" x14ac:dyDescent="0.25">
      <c r="A190" s="40" t="s">
        <v>115</v>
      </c>
      <c r="B190" s="127" t="s">
        <v>230</v>
      </c>
      <c r="C190" s="38"/>
      <c r="D190" s="42"/>
    </row>
    <row r="191" spans="1:4" s="4" customFormat="1" ht="30" customHeight="1" x14ac:dyDescent="0.25">
      <c r="A191" s="40" t="s">
        <v>116</v>
      </c>
      <c r="B191" s="127" t="s">
        <v>231</v>
      </c>
      <c r="C191" s="38"/>
      <c r="D191" s="42"/>
    </row>
    <row r="192" spans="1:4" s="4" customFormat="1" ht="30" customHeight="1" x14ac:dyDescent="0.25">
      <c r="A192" s="40" t="s">
        <v>117</v>
      </c>
      <c r="B192" s="127" t="s">
        <v>232</v>
      </c>
      <c r="C192" s="38"/>
      <c r="D192" s="42"/>
    </row>
    <row r="193" spans="1:4" s="4" customFormat="1" ht="30" customHeight="1" x14ac:dyDescent="0.25">
      <c r="A193" s="40" t="s">
        <v>118</v>
      </c>
      <c r="B193" s="127" t="s">
        <v>233</v>
      </c>
      <c r="C193" s="38"/>
      <c r="D193" s="42"/>
    </row>
    <row r="194" spans="1:4" s="4" customFormat="1" ht="30" customHeight="1" x14ac:dyDescent="0.25">
      <c r="A194" s="40" t="s">
        <v>119</v>
      </c>
      <c r="B194" s="127" t="s">
        <v>234</v>
      </c>
      <c r="C194" s="38"/>
      <c r="D194" s="42"/>
    </row>
    <row r="195" spans="1:4" s="4" customFormat="1" ht="30" customHeight="1" x14ac:dyDescent="0.25">
      <c r="A195" s="40" t="s">
        <v>120</v>
      </c>
      <c r="B195" s="127" t="s">
        <v>235</v>
      </c>
      <c r="C195" s="38"/>
      <c r="D195" s="42"/>
    </row>
    <row r="196" spans="1:4" s="4" customFormat="1" ht="30" customHeight="1" x14ac:dyDescent="0.25">
      <c r="A196" s="40" t="s">
        <v>121</v>
      </c>
      <c r="B196" s="127" t="s">
        <v>245</v>
      </c>
      <c r="C196" s="38"/>
      <c r="D196" s="42"/>
    </row>
    <row r="197" spans="1:4" s="4" customFormat="1" ht="30" customHeight="1" x14ac:dyDescent="0.25">
      <c r="A197" s="40" t="s">
        <v>122</v>
      </c>
      <c r="B197" s="127" t="s">
        <v>236</v>
      </c>
      <c r="C197" s="38"/>
      <c r="D197" s="42"/>
    </row>
    <row r="198" spans="1:4" s="4" customFormat="1" ht="30" customHeight="1" x14ac:dyDescent="0.25">
      <c r="A198" s="40" t="s">
        <v>123</v>
      </c>
      <c r="B198" s="127" t="s">
        <v>246</v>
      </c>
      <c r="C198" s="38"/>
      <c r="D198" s="42"/>
    </row>
    <row r="199" spans="1:4" s="4" customFormat="1" ht="30" customHeight="1" x14ac:dyDescent="0.25">
      <c r="A199" s="40" t="s">
        <v>124</v>
      </c>
      <c r="B199" s="127" t="s">
        <v>247</v>
      </c>
      <c r="C199" s="38"/>
      <c r="D199" s="42"/>
    </row>
    <row r="200" spans="1:4" s="4" customFormat="1" ht="30" customHeight="1" x14ac:dyDescent="0.25">
      <c r="A200" s="40" t="s">
        <v>125</v>
      </c>
      <c r="B200" s="127" t="s">
        <v>238</v>
      </c>
      <c r="C200" s="38"/>
      <c r="D200" s="42"/>
    </row>
    <row r="201" spans="1:4" s="4" customFormat="1" ht="30" customHeight="1" x14ac:dyDescent="0.25">
      <c r="A201" s="40" t="s">
        <v>126</v>
      </c>
      <c r="B201" s="131" t="s">
        <v>248</v>
      </c>
      <c r="C201" s="38"/>
      <c r="D201" s="42"/>
    </row>
    <row r="202" spans="1:4" s="4" customFormat="1" ht="30" customHeight="1" thickBot="1" x14ac:dyDescent="0.3">
      <c r="A202" s="188" t="s">
        <v>127</v>
      </c>
      <c r="B202" s="135" t="s">
        <v>319</v>
      </c>
      <c r="C202" s="96"/>
      <c r="D202" s="97"/>
    </row>
    <row r="203" spans="1:4" s="4" customFormat="1" ht="30" customHeight="1" x14ac:dyDescent="0.25">
      <c r="A203" s="240" t="s">
        <v>154</v>
      </c>
      <c r="B203" s="241"/>
      <c r="C203" s="241"/>
      <c r="D203" s="242"/>
    </row>
    <row r="204" spans="1:4" s="4" customFormat="1" ht="30" customHeight="1" x14ac:dyDescent="0.25">
      <c r="A204" s="192" t="s">
        <v>94</v>
      </c>
      <c r="B204" s="92" t="s">
        <v>155</v>
      </c>
      <c r="C204" s="93"/>
      <c r="D204" s="94"/>
    </row>
    <row r="205" spans="1:4" s="4" customFormat="1" ht="45" customHeight="1" x14ac:dyDescent="0.25">
      <c r="A205" s="40" t="s">
        <v>134</v>
      </c>
      <c r="B205" s="95" t="s">
        <v>156</v>
      </c>
      <c r="C205" s="93"/>
      <c r="D205" s="94"/>
    </row>
    <row r="206" spans="1:4" s="4" customFormat="1" ht="30" customHeight="1" x14ac:dyDescent="0.25">
      <c r="A206" s="40" t="s">
        <v>107</v>
      </c>
      <c r="B206" s="93" t="s">
        <v>157</v>
      </c>
      <c r="C206" s="93"/>
      <c r="D206" s="94"/>
    </row>
    <row r="207" spans="1:4" s="4" customFormat="1" ht="30" customHeight="1" x14ac:dyDescent="0.25">
      <c r="A207" s="40" t="s">
        <v>108</v>
      </c>
      <c r="B207" s="93" t="s">
        <v>158</v>
      </c>
      <c r="C207" s="93"/>
      <c r="D207" s="94"/>
    </row>
    <row r="208" spans="1:4" s="4" customFormat="1" ht="30" customHeight="1" x14ac:dyDescent="0.25">
      <c r="A208" s="40" t="s">
        <v>109</v>
      </c>
      <c r="B208" s="93" t="s">
        <v>159</v>
      </c>
      <c r="C208" s="93"/>
      <c r="D208" s="94"/>
    </row>
    <row r="209" spans="1:4" s="4" customFormat="1" ht="39" customHeight="1" x14ac:dyDescent="0.25">
      <c r="A209" s="40" t="s">
        <v>110</v>
      </c>
      <c r="B209" s="93" t="s">
        <v>160</v>
      </c>
      <c r="C209" s="93"/>
      <c r="D209" s="94"/>
    </row>
    <row r="210" spans="1:4" s="4" customFormat="1" ht="30" customHeight="1" x14ac:dyDescent="0.25">
      <c r="A210" s="40" t="s">
        <v>111</v>
      </c>
      <c r="B210" s="93" t="s">
        <v>161</v>
      </c>
      <c r="C210" s="93"/>
      <c r="D210" s="94"/>
    </row>
    <row r="211" spans="1:4" s="4" customFormat="1" ht="30" customHeight="1" x14ac:dyDescent="0.25">
      <c r="A211" s="40" t="s">
        <v>112</v>
      </c>
      <c r="B211" s="93" t="s">
        <v>162</v>
      </c>
      <c r="C211" s="93"/>
      <c r="D211" s="94"/>
    </row>
    <row r="212" spans="1:4" s="4" customFormat="1" ht="30" customHeight="1" x14ac:dyDescent="0.25">
      <c r="A212" s="192" t="s">
        <v>46</v>
      </c>
      <c r="B212" s="128" t="s">
        <v>163</v>
      </c>
      <c r="C212" s="93"/>
      <c r="D212" s="94"/>
    </row>
    <row r="213" spans="1:4" s="4" customFormat="1" ht="30" customHeight="1" thickBot="1" x14ac:dyDescent="0.3">
      <c r="A213" s="188" t="s">
        <v>115</v>
      </c>
      <c r="B213" s="136" t="s">
        <v>317</v>
      </c>
      <c r="C213" s="113"/>
      <c r="D213" s="114"/>
    </row>
    <row r="214" spans="1:4" s="4" customFormat="1" ht="30" customHeight="1" x14ac:dyDescent="0.25">
      <c r="A214" s="237" t="s">
        <v>164</v>
      </c>
      <c r="B214" s="238"/>
      <c r="C214" s="238"/>
      <c r="D214" s="239"/>
    </row>
    <row r="215" spans="1:4" s="4" customFormat="1" ht="44.25" customHeight="1" x14ac:dyDescent="0.25">
      <c r="A215" s="117" t="s">
        <v>94</v>
      </c>
      <c r="B215" s="82" t="s">
        <v>95</v>
      </c>
      <c r="C215" s="38"/>
      <c r="D215" s="51"/>
    </row>
    <row r="216" spans="1:4" s="4" customFormat="1" ht="30" customHeight="1" x14ac:dyDescent="0.25">
      <c r="A216" s="33" t="s">
        <v>106</v>
      </c>
      <c r="B216" s="49" t="s">
        <v>96</v>
      </c>
      <c r="C216" s="38"/>
      <c r="D216" s="42"/>
    </row>
    <row r="217" spans="1:4" s="4" customFormat="1" ht="30" customHeight="1" x14ac:dyDescent="0.25">
      <c r="A217" s="33" t="s">
        <v>107</v>
      </c>
      <c r="B217" s="49" t="s">
        <v>97</v>
      </c>
      <c r="C217" s="38"/>
      <c r="D217" s="42"/>
    </row>
    <row r="218" spans="1:4" s="4" customFormat="1" ht="30" customHeight="1" x14ac:dyDescent="0.25">
      <c r="A218" s="33" t="s">
        <v>108</v>
      </c>
      <c r="B218" s="49" t="s">
        <v>98</v>
      </c>
      <c r="C218" s="38"/>
      <c r="D218" s="42"/>
    </row>
    <row r="219" spans="1:4" s="4" customFormat="1" ht="30" customHeight="1" x14ac:dyDescent="0.25">
      <c r="A219" s="33" t="s">
        <v>109</v>
      </c>
      <c r="B219" s="49" t="s">
        <v>99</v>
      </c>
      <c r="C219" s="39"/>
      <c r="D219" s="43"/>
    </row>
    <row r="220" spans="1:4" s="4" customFormat="1" ht="30" customHeight="1" x14ac:dyDescent="0.25">
      <c r="A220" s="33" t="s">
        <v>110</v>
      </c>
      <c r="B220" s="82" t="s">
        <v>100</v>
      </c>
      <c r="C220" s="39"/>
      <c r="D220" s="42"/>
    </row>
    <row r="221" spans="1:4" s="4" customFormat="1" ht="30" customHeight="1" x14ac:dyDescent="0.25">
      <c r="A221" s="33" t="s">
        <v>111</v>
      </c>
      <c r="B221" s="49" t="s">
        <v>101</v>
      </c>
      <c r="C221" s="50"/>
      <c r="D221" s="42"/>
    </row>
    <row r="222" spans="1:4" s="4" customFormat="1" ht="30" customHeight="1" x14ac:dyDescent="0.25">
      <c r="A222" s="33" t="s">
        <v>112</v>
      </c>
      <c r="B222" s="91" t="s">
        <v>102</v>
      </c>
      <c r="C222" s="50"/>
      <c r="D222" s="42"/>
    </row>
    <row r="223" spans="1:4" s="4" customFormat="1" ht="30" customHeight="1" x14ac:dyDescent="0.25">
      <c r="A223" s="33" t="s">
        <v>113</v>
      </c>
      <c r="B223" s="49" t="s">
        <v>103</v>
      </c>
      <c r="C223" s="50"/>
      <c r="D223" s="42"/>
    </row>
    <row r="224" spans="1:4" s="4" customFormat="1" ht="30" customHeight="1" x14ac:dyDescent="0.25">
      <c r="A224" s="33" t="s">
        <v>114</v>
      </c>
      <c r="B224" s="79" t="s">
        <v>104</v>
      </c>
      <c r="C224" s="50"/>
      <c r="D224" s="42"/>
    </row>
    <row r="225" spans="1:4" s="4" customFormat="1" ht="30" customHeight="1" x14ac:dyDescent="0.25">
      <c r="A225" s="179" t="s">
        <v>46</v>
      </c>
      <c r="B225" s="132" t="s">
        <v>178</v>
      </c>
      <c r="C225" s="38"/>
      <c r="D225" s="42"/>
    </row>
    <row r="226" spans="1:4" s="4" customFormat="1" ht="30" customHeight="1" x14ac:dyDescent="0.25">
      <c r="A226" s="40" t="s">
        <v>115</v>
      </c>
      <c r="B226" s="137" t="s">
        <v>230</v>
      </c>
      <c r="C226" s="38"/>
      <c r="D226" s="42"/>
    </row>
    <row r="227" spans="1:4" s="4" customFormat="1" ht="30" customHeight="1" x14ac:dyDescent="0.25">
      <c r="A227" s="40" t="s">
        <v>116</v>
      </c>
      <c r="B227" s="137" t="s">
        <v>231</v>
      </c>
      <c r="C227" s="38"/>
      <c r="D227" s="42"/>
    </row>
    <row r="228" spans="1:4" s="4" customFormat="1" ht="30" customHeight="1" x14ac:dyDescent="0.25">
      <c r="A228" s="40" t="s">
        <v>117</v>
      </c>
      <c r="B228" s="137" t="s">
        <v>179</v>
      </c>
      <c r="C228" s="38"/>
      <c r="D228" s="42"/>
    </row>
    <row r="229" spans="1:4" s="4" customFormat="1" ht="30" customHeight="1" x14ac:dyDescent="0.25">
      <c r="A229" s="40" t="s">
        <v>118</v>
      </c>
      <c r="B229" s="138" t="s">
        <v>180</v>
      </c>
      <c r="C229" s="38"/>
      <c r="D229" s="42"/>
    </row>
    <row r="230" spans="1:4" s="4" customFormat="1" ht="30" customHeight="1" x14ac:dyDescent="0.25">
      <c r="A230" s="40" t="s">
        <v>119</v>
      </c>
      <c r="B230" s="138" t="s">
        <v>249</v>
      </c>
      <c r="C230" s="38"/>
      <c r="D230" s="42"/>
    </row>
    <row r="231" spans="1:4" s="4" customFormat="1" ht="30" customHeight="1" x14ac:dyDescent="0.25">
      <c r="A231" s="40" t="s">
        <v>120</v>
      </c>
      <c r="B231" s="138" t="s">
        <v>234</v>
      </c>
      <c r="C231" s="38"/>
      <c r="D231" s="42"/>
    </row>
    <row r="232" spans="1:4" s="4" customFormat="1" ht="30" customHeight="1" x14ac:dyDescent="0.25">
      <c r="A232" s="40" t="s">
        <v>121</v>
      </c>
      <c r="B232" s="139" t="s">
        <v>250</v>
      </c>
      <c r="C232" s="38"/>
      <c r="D232" s="42"/>
    </row>
    <row r="233" spans="1:4" s="4" customFormat="1" ht="30" customHeight="1" x14ac:dyDescent="0.25">
      <c r="A233" s="40" t="s">
        <v>122</v>
      </c>
      <c r="B233" s="137" t="s">
        <v>181</v>
      </c>
      <c r="C233" s="38"/>
      <c r="D233" s="42"/>
    </row>
    <row r="234" spans="1:4" s="4" customFormat="1" ht="30" customHeight="1" x14ac:dyDescent="0.25">
      <c r="A234" s="40" t="s">
        <v>123</v>
      </c>
      <c r="B234" s="137" t="s">
        <v>182</v>
      </c>
      <c r="C234" s="38"/>
      <c r="D234" s="42"/>
    </row>
    <row r="235" spans="1:4" s="4" customFormat="1" ht="30" customHeight="1" x14ac:dyDescent="0.25">
      <c r="A235" s="40" t="s">
        <v>124</v>
      </c>
      <c r="B235" s="137" t="s">
        <v>183</v>
      </c>
      <c r="C235" s="38"/>
      <c r="D235" s="42"/>
    </row>
    <row r="236" spans="1:4" s="4" customFormat="1" ht="30" customHeight="1" x14ac:dyDescent="0.25">
      <c r="A236" s="40" t="s">
        <v>125</v>
      </c>
      <c r="B236" s="140" t="s">
        <v>238</v>
      </c>
      <c r="C236" s="38"/>
      <c r="D236" s="42"/>
    </row>
    <row r="237" spans="1:4" s="4" customFormat="1" ht="30" customHeight="1" x14ac:dyDescent="0.25">
      <c r="A237" s="40" t="s">
        <v>126</v>
      </c>
      <c r="B237" s="141" t="s">
        <v>82</v>
      </c>
      <c r="C237" s="38"/>
      <c r="D237" s="42"/>
    </row>
    <row r="238" spans="1:4" s="4" customFormat="1" ht="30" customHeight="1" x14ac:dyDescent="0.25">
      <c r="A238" s="33" t="s">
        <v>127</v>
      </c>
      <c r="B238" s="168" t="s">
        <v>320</v>
      </c>
      <c r="C238" s="118"/>
      <c r="D238" s="119"/>
    </row>
    <row r="239" spans="1:4" s="4" customFormat="1" ht="30" customHeight="1" thickBot="1" x14ac:dyDescent="0.3">
      <c r="A239" s="189" t="s">
        <v>128</v>
      </c>
      <c r="B239" s="167" t="s">
        <v>321</v>
      </c>
      <c r="C239" s="96"/>
      <c r="D239" s="97"/>
    </row>
    <row r="240" spans="1:4" s="4" customFormat="1" ht="30" customHeight="1" x14ac:dyDescent="0.25">
      <c r="A240" s="240" t="s">
        <v>203</v>
      </c>
      <c r="B240" s="241"/>
      <c r="C240" s="241"/>
      <c r="D240" s="242"/>
    </row>
    <row r="241" spans="1:4" s="4" customFormat="1" ht="70.5" customHeight="1" x14ac:dyDescent="0.25">
      <c r="A241" s="192" t="s">
        <v>11</v>
      </c>
      <c r="B241" s="32" t="s">
        <v>184</v>
      </c>
      <c r="C241" s="38"/>
      <c r="D241" s="42"/>
    </row>
    <row r="242" spans="1:4" s="4" customFormat="1" ht="30" customHeight="1" x14ac:dyDescent="0.25">
      <c r="A242" s="40" t="s">
        <v>134</v>
      </c>
      <c r="B242" s="32" t="s">
        <v>195</v>
      </c>
      <c r="C242" s="38"/>
      <c r="D242" s="42"/>
    </row>
    <row r="243" spans="1:4" s="4" customFormat="1" ht="30" customHeight="1" x14ac:dyDescent="0.25">
      <c r="A243" s="40" t="s">
        <v>107</v>
      </c>
      <c r="B243" s="126" t="s">
        <v>196</v>
      </c>
      <c r="C243" s="38"/>
      <c r="D243" s="42"/>
    </row>
    <row r="244" spans="1:4" s="4" customFormat="1" ht="30" customHeight="1" x14ac:dyDescent="0.25">
      <c r="A244" s="40" t="s">
        <v>108</v>
      </c>
      <c r="B244" s="126" t="s">
        <v>197</v>
      </c>
      <c r="C244" s="38"/>
      <c r="D244" s="42"/>
    </row>
    <row r="245" spans="1:4" s="4" customFormat="1" ht="47.25" customHeight="1" x14ac:dyDescent="0.25">
      <c r="A245" s="40" t="s">
        <v>109</v>
      </c>
      <c r="B245" s="126" t="s">
        <v>185</v>
      </c>
      <c r="C245" s="38"/>
      <c r="D245" s="42"/>
    </row>
    <row r="246" spans="1:4" s="4" customFormat="1" ht="42" customHeight="1" x14ac:dyDescent="0.25">
      <c r="A246" s="40" t="s">
        <v>110</v>
      </c>
      <c r="B246" s="126" t="s">
        <v>186</v>
      </c>
      <c r="C246" s="38"/>
      <c r="D246" s="42"/>
    </row>
    <row r="247" spans="1:4" s="4" customFormat="1" ht="41.25" customHeight="1" x14ac:dyDescent="0.25">
      <c r="A247" s="40" t="s">
        <v>111</v>
      </c>
      <c r="B247" s="126" t="s">
        <v>187</v>
      </c>
      <c r="C247" s="38"/>
      <c r="D247" s="42"/>
    </row>
    <row r="248" spans="1:4" s="4" customFormat="1" ht="30" customHeight="1" x14ac:dyDescent="0.25">
      <c r="A248" s="40" t="s">
        <v>112</v>
      </c>
      <c r="B248" s="126" t="s">
        <v>188</v>
      </c>
      <c r="C248" s="38"/>
      <c r="D248" s="42"/>
    </row>
    <row r="249" spans="1:4" s="4" customFormat="1" ht="30" customHeight="1" x14ac:dyDescent="0.25">
      <c r="A249" s="40" t="s">
        <v>113</v>
      </c>
      <c r="B249" s="126" t="s">
        <v>189</v>
      </c>
      <c r="C249" s="38"/>
      <c r="D249" s="42"/>
    </row>
    <row r="250" spans="1:4" s="4" customFormat="1" ht="30" customHeight="1" x14ac:dyDescent="0.25">
      <c r="A250" s="40" t="s">
        <v>114</v>
      </c>
      <c r="B250" s="126" t="s">
        <v>190</v>
      </c>
      <c r="C250" s="38"/>
      <c r="D250" s="42"/>
    </row>
    <row r="251" spans="1:4" s="4" customFormat="1" ht="30" customHeight="1" x14ac:dyDescent="0.25">
      <c r="A251" s="40" t="s">
        <v>143</v>
      </c>
      <c r="B251" s="126" t="s">
        <v>191</v>
      </c>
      <c r="C251" s="38"/>
      <c r="D251" s="42"/>
    </row>
    <row r="252" spans="1:4" s="4" customFormat="1" ht="30" customHeight="1" x14ac:dyDescent="0.25">
      <c r="A252" s="40" t="s">
        <v>144</v>
      </c>
      <c r="B252" s="126" t="s">
        <v>192</v>
      </c>
      <c r="C252" s="38"/>
      <c r="D252" s="42"/>
    </row>
    <row r="253" spans="1:4" s="4" customFormat="1" ht="62.25" customHeight="1" x14ac:dyDescent="0.25">
      <c r="A253" s="40" t="s">
        <v>145</v>
      </c>
      <c r="B253" s="126" t="s">
        <v>193</v>
      </c>
      <c r="C253" s="38"/>
      <c r="D253" s="42"/>
    </row>
    <row r="254" spans="1:4" s="4" customFormat="1" ht="30" customHeight="1" x14ac:dyDescent="0.25">
      <c r="A254" s="40" t="s">
        <v>146</v>
      </c>
      <c r="B254" s="32" t="s">
        <v>194</v>
      </c>
      <c r="C254" s="38"/>
      <c r="D254" s="42"/>
    </row>
    <row r="255" spans="1:4" s="4" customFormat="1" ht="45" customHeight="1" x14ac:dyDescent="0.25">
      <c r="A255" s="40" t="s">
        <v>204</v>
      </c>
      <c r="B255" s="126" t="s">
        <v>198</v>
      </c>
      <c r="C255" s="38"/>
      <c r="D255" s="42"/>
    </row>
    <row r="256" spans="1:4" s="4" customFormat="1" ht="30" customHeight="1" x14ac:dyDescent="0.25">
      <c r="A256" s="40" t="s">
        <v>205</v>
      </c>
      <c r="B256" s="126" t="s">
        <v>199</v>
      </c>
      <c r="C256" s="38"/>
      <c r="D256" s="42"/>
    </row>
    <row r="257" spans="1:4" s="4" customFormat="1" ht="30" customHeight="1" x14ac:dyDescent="0.25">
      <c r="A257" s="40" t="s">
        <v>206</v>
      </c>
      <c r="B257" s="126" t="s">
        <v>200</v>
      </c>
      <c r="C257" s="38"/>
      <c r="D257" s="42"/>
    </row>
    <row r="258" spans="1:4" s="4" customFormat="1" ht="44.25" customHeight="1" x14ac:dyDescent="0.25">
      <c r="A258" s="40" t="s">
        <v>207</v>
      </c>
      <c r="B258" s="126" t="s">
        <v>201</v>
      </c>
      <c r="C258" s="38"/>
      <c r="D258" s="42"/>
    </row>
    <row r="259" spans="1:4" s="4" customFormat="1" ht="30" customHeight="1" x14ac:dyDescent="0.25">
      <c r="A259" s="192" t="s">
        <v>46</v>
      </c>
      <c r="B259" s="131" t="s">
        <v>202</v>
      </c>
      <c r="C259" s="38"/>
      <c r="D259" s="42"/>
    </row>
    <row r="260" spans="1:4" s="4" customFormat="1" ht="30" customHeight="1" x14ac:dyDescent="0.25">
      <c r="A260" s="40" t="s">
        <v>115</v>
      </c>
      <c r="B260" s="142" t="s">
        <v>230</v>
      </c>
      <c r="C260" s="38"/>
      <c r="D260" s="42"/>
    </row>
    <row r="261" spans="1:4" s="4" customFormat="1" ht="30" customHeight="1" x14ac:dyDescent="0.25">
      <c r="A261" s="40" t="s">
        <v>116</v>
      </c>
      <c r="B261" s="169" t="s">
        <v>231</v>
      </c>
      <c r="C261" s="38"/>
      <c r="D261" s="42"/>
    </row>
    <row r="262" spans="1:4" s="4" customFormat="1" ht="30" customHeight="1" x14ac:dyDescent="0.25">
      <c r="A262" s="40" t="s">
        <v>117</v>
      </c>
      <c r="B262" s="143" t="s">
        <v>232</v>
      </c>
      <c r="C262" s="38"/>
      <c r="D262" s="42"/>
    </row>
    <row r="263" spans="1:4" s="4" customFormat="1" ht="30" customHeight="1" x14ac:dyDescent="0.25">
      <c r="A263" s="40" t="s">
        <v>118</v>
      </c>
      <c r="B263" s="143" t="s">
        <v>233</v>
      </c>
      <c r="C263" s="38"/>
      <c r="D263" s="42"/>
    </row>
    <row r="264" spans="1:4" s="4" customFormat="1" ht="30" customHeight="1" x14ac:dyDescent="0.25">
      <c r="A264" s="40" t="s">
        <v>119</v>
      </c>
      <c r="B264" s="142" t="s">
        <v>234</v>
      </c>
      <c r="C264" s="38"/>
      <c r="D264" s="42"/>
    </row>
    <row r="265" spans="1:4" s="4" customFormat="1" ht="30" customHeight="1" x14ac:dyDescent="0.25">
      <c r="A265" s="40" t="s">
        <v>120</v>
      </c>
      <c r="B265" s="143" t="s">
        <v>235</v>
      </c>
      <c r="C265" s="38"/>
      <c r="D265" s="42"/>
    </row>
    <row r="266" spans="1:4" s="4" customFormat="1" ht="30" customHeight="1" x14ac:dyDescent="0.25">
      <c r="A266" s="40" t="s">
        <v>121</v>
      </c>
      <c r="B266" s="170" t="s">
        <v>236</v>
      </c>
      <c r="C266" s="38"/>
      <c r="D266" s="42"/>
    </row>
    <row r="267" spans="1:4" s="4" customFormat="1" ht="30" customHeight="1" x14ac:dyDescent="0.25">
      <c r="A267" s="40" t="s">
        <v>122</v>
      </c>
      <c r="B267" s="170" t="s">
        <v>243</v>
      </c>
      <c r="C267" s="38"/>
      <c r="D267" s="42"/>
    </row>
    <row r="268" spans="1:4" s="4" customFormat="1" ht="30" customHeight="1" x14ac:dyDescent="0.25">
      <c r="A268" s="40" t="s">
        <v>123</v>
      </c>
      <c r="B268" s="142" t="s">
        <v>237</v>
      </c>
      <c r="C268" s="38"/>
      <c r="D268" s="42"/>
    </row>
    <row r="269" spans="1:4" s="4" customFormat="1" ht="30" customHeight="1" x14ac:dyDescent="0.25">
      <c r="A269" s="40" t="s">
        <v>124</v>
      </c>
      <c r="B269" s="144" t="s">
        <v>238</v>
      </c>
      <c r="C269" s="38"/>
      <c r="D269" s="42"/>
    </row>
    <row r="270" spans="1:4" s="4" customFormat="1" ht="30" customHeight="1" x14ac:dyDescent="0.25">
      <c r="A270" s="40" t="s">
        <v>125</v>
      </c>
      <c r="B270" s="144" t="s">
        <v>253</v>
      </c>
      <c r="C270" s="38"/>
      <c r="D270" s="42"/>
    </row>
    <row r="271" spans="1:4" s="4" customFormat="1" ht="30" customHeight="1" x14ac:dyDescent="0.25">
      <c r="A271" s="40" t="s">
        <v>126</v>
      </c>
      <c r="B271" s="144" t="s">
        <v>254</v>
      </c>
      <c r="C271" s="38"/>
      <c r="D271" s="42"/>
    </row>
    <row r="272" spans="1:4" s="4" customFormat="1" ht="30" customHeight="1" x14ac:dyDescent="0.25">
      <c r="A272" s="40" t="s">
        <v>127</v>
      </c>
      <c r="B272" s="144" t="s">
        <v>255</v>
      </c>
      <c r="C272" s="38"/>
      <c r="D272" s="42"/>
    </row>
    <row r="273" spans="1:4" s="4" customFormat="1" ht="30" customHeight="1" x14ac:dyDescent="0.25">
      <c r="A273" s="40" t="s">
        <v>128</v>
      </c>
      <c r="B273" s="144" t="s">
        <v>256</v>
      </c>
      <c r="C273" s="38"/>
      <c r="D273" s="42"/>
    </row>
    <row r="274" spans="1:4" s="4" customFormat="1" ht="30" customHeight="1" x14ac:dyDescent="0.25">
      <c r="A274" s="40" t="s">
        <v>129</v>
      </c>
      <c r="B274" s="144" t="s">
        <v>239</v>
      </c>
      <c r="C274" s="38"/>
      <c r="D274" s="42"/>
    </row>
    <row r="275" spans="1:4" s="4" customFormat="1" ht="30" customHeight="1" x14ac:dyDescent="0.25">
      <c r="A275" s="40" t="s">
        <v>215</v>
      </c>
      <c r="B275" s="142" t="s">
        <v>88</v>
      </c>
      <c r="C275" s="38"/>
      <c r="D275" s="42"/>
    </row>
    <row r="276" spans="1:4" s="4" customFormat="1" ht="30" customHeight="1" thickBot="1" x14ac:dyDescent="0.3">
      <c r="A276" s="188" t="s">
        <v>216</v>
      </c>
      <c r="B276" s="171" t="s">
        <v>318</v>
      </c>
      <c r="C276" s="96"/>
      <c r="D276" s="97"/>
    </row>
    <row r="277" spans="1:4" s="4" customFormat="1" ht="30" customHeight="1" x14ac:dyDescent="0.25">
      <c r="A277" s="240" t="s">
        <v>214</v>
      </c>
      <c r="B277" s="241"/>
      <c r="C277" s="241"/>
      <c r="D277" s="242"/>
    </row>
    <row r="278" spans="1:4" s="4" customFormat="1" ht="48.75" customHeight="1" x14ac:dyDescent="0.25">
      <c r="A278" s="192" t="s">
        <v>11</v>
      </c>
      <c r="B278" s="32" t="s">
        <v>208</v>
      </c>
      <c r="C278" s="38"/>
      <c r="D278" s="42"/>
    </row>
    <row r="279" spans="1:4" s="4" customFormat="1" ht="30" customHeight="1" x14ac:dyDescent="0.25">
      <c r="A279" s="40" t="s">
        <v>134</v>
      </c>
      <c r="B279" s="32" t="s">
        <v>209</v>
      </c>
      <c r="C279" s="38"/>
      <c r="D279" s="42"/>
    </row>
    <row r="280" spans="1:4" s="4" customFormat="1" ht="71.25" customHeight="1" x14ac:dyDescent="0.25">
      <c r="A280" s="40" t="s">
        <v>107</v>
      </c>
      <c r="B280" s="126" t="s">
        <v>211</v>
      </c>
      <c r="C280" s="38"/>
      <c r="D280" s="42"/>
    </row>
    <row r="281" spans="1:4" s="4" customFormat="1" ht="85.5" customHeight="1" x14ac:dyDescent="0.25">
      <c r="A281" s="40" t="s">
        <v>108</v>
      </c>
      <c r="B281" s="126" t="s">
        <v>210</v>
      </c>
      <c r="C281" s="38"/>
      <c r="D281" s="42"/>
    </row>
    <row r="282" spans="1:4" s="4" customFormat="1" ht="69.75" customHeight="1" x14ac:dyDescent="0.25">
      <c r="A282" s="40" t="s">
        <v>109</v>
      </c>
      <c r="B282" s="126" t="s">
        <v>221</v>
      </c>
      <c r="C282" s="38"/>
      <c r="D282" s="42"/>
    </row>
    <row r="283" spans="1:4" s="4" customFormat="1" ht="48" customHeight="1" x14ac:dyDescent="0.25">
      <c r="A283" s="40" t="s">
        <v>110</v>
      </c>
      <c r="B283" s="126" t="s">
        <v>220</v>
      </c>
      <c r="C283" s="38"/>
      <c r="D283" s="42"/>
    </row>
    <row r="284" spans="1:4" s="4" customFormat="1" ht="30" customHeight="1" x14ac:dyDescent="0.25">
      <c r="A284" s="192" t="s">
        <v>213</v>
      </c>
      <c r="B284" s="132" t="s">
        <v>212</v>
      </c>
      <c r="C284" s="38"/>
      <c r="D284" s="42"/>
    </row>
    <row r="285" spans="1:4" s="4" customFormat="1" ht="30" customHeight="1" x14ac:dyDescent="0.25">
      <c r="A285" s="40" t="s">
        <v>115</v>
      </c>
      <c r="B285" s="131" t="s">
        <v>230</v>
      </c>
      <c r="C285" s="38"/>
      <c r="D285" s="42"/>
    </row>
    <row r="286" spans="1:4" s="4" customFormat="1" ht="30" customHeight="1" x14ac:dyDescent="0.25">
      <c r="A286" s="40" t="s">
        <v>116</v>
      </c>
      <c r="B286" s="131" t="s">
        <v>231</v>
      </c>
      <c r="C286" s="38"/>
      <c r="D286" s="42"/>
    </row>
    <row r="287" spans="1:4" s="4" customFormat="1" ht="30" customHeight="1" x14ac:dyDescent="0.25">
      <c r="A287" s="40" t="s">
        <v>117</v>
      </c>
      <c r="B287" s="131" t="s">
        <v>232</v>
      </c>
      <c r="C287" s="38"/>
      <c r="D287" s="42"/>
    </row>
    <row r="288" spans="1:4" s="4" customFormat="1" ht="30" customHeight="1" x14ac:dyDescent="0.25">
      <c r="A288" s="40" t="s">
        <v>118</v>
      </c>
      <c r="B288" s="131" t="s">
        <v>233</v>
      </c>
      <c r="C288" s="38"/>
      <c r="D288" s="42"/>
    </row>
    <row r="289" spans="1:4" s="4" customFormat="1" ht="30" customHeight="1" x14ac:dyDescent="0.25">
      <c r="A289" s="40" t="s">
        <v>119</v>
      </c>
      <c r="B289" s="131" t="s">
        <v>234</v>
      </c>
      <c r="C289" s="38"/>
      <c r="D289" s="42"/>
    </row>
    <row r="290" spans="1:4" s="4" customFormat="1" ht="30" customHeight="1" x14ac:dyDescent="0.25">
      <c r="A290" s="40" t="s">
        <v>120</v>
      </c>
      <c r="B290" s="172" t="s">
        <v>235</v>
      </c>
      <c r="C290" s="38"/>
      <c r="D290" s="42"/>
    </row>
    <row r="291" spans="1:4" s="4" customFormat="1" ht="30" customHeight="1" x14ac:dyDescent="0.25">
      <c r="A291" s="40" t="s">
        <v>121</v>
      </c>
      <c r="B291" s="131" t="s">
        <v>236</v>
      </c>
      <c r="C291" s="38"/>
      <c r="D291" s="42"/>
    </row>
    <row r="292" spans="1:4" s="4" customFormat="1" ht="30" customHeight="1" x14ac:dyDescent="0.25">
      <c r="A292" s="40" t="s">
        <v>122</v>
      </c>
      <c r="B292" s="131" t="s">
        <v>243</v>
      </c>
      <c r="C292" s="38"/>
      <c r="D292" s="42"/>
    </row>
    <row r="293" spans="1:4" s="4" customFormat="1" ht="30" customHeight="1" x14ac:dyDescent="0.25">
      <c r="A293" s="40" t="s">
        <v>123</v>
      </c>
      <c r="B293" s="131" t="s">
        <v>237</v>
      </c>
      <c r="C293" s="38"/>
      <c r="D293" s="42"/>
    </row>
    <row r="294" spans="1:4" s="4" customFormat="1" ht="30" customHeight="1" x14ac:dyDescent="0.25">
      <c r="A294" s="40" t="s">
        <v>124</v>
      </c>
      <c r="B294" s="173" t="s">
        <v>238</v>
      </c>
      <c r="C294" s="118"/>
      <c r="D294" s="119"/>
    </row>
    <row r="295" spans="1:4" s="4" customFormat="1" ht="30" customHeight="1" thickBot="1" x14ac:dyDescent="0.3">
      <c r="A295" s="188" t="s">
        <v>125</v>
      </c>
      <c r="B295" s="174" t="s">
        <v>319</v>
      </c>
      <c r="C295" s="96"/>
      <c r="D295" s="97"/>
    </row>
    <row r="296" spans="1:4" s="3" customFormat="1" ht="6.75" customHeight="1" x14ac:dyDescent="0.25">
      <c r="A296" s="7"/>
      <c r="B296" s="5"/>
      <c r="C296" s="7"/>
      <c r="D296" s="7"/>
    </row>
    <row r="297" spans="1:4" s="2" customFormat="1" ht="20.100000000000001" customHeight="1" x14ac:dyDescent="0.25">
      <c r="A297" s="206" t="s">
        <v>55</v>
      </c>
      <c r="B297" s="206" t="s">
        <v>54</v>
      </c>
      <c r="C297" s="206"/>
      <c r="D297" s="206"/>
    </row>
    <row r="298" spans="1:4" s="2" customFormat="1" ht="5.0999999999999996" customHeight="1" thickBot="1" x14ac:dyDescent="0.3">
      <c r="A298" s="156"/>
      <c r="C298" s="54"/>
      <c r="D298" s="54"/>
    </row>
    <row r="299" spans="1:4" s="3" customFormat="1" ht="69" customHeight="1" x14ac:dyDescent="0.25">
      <c r="A299" s="233" t="s">
        <v>56</v>
      </c>
      <c r="B299" s="234"/>
      <c r="C299" s="212" t="s">
        <v>22</v>
      </c>
      <c r="D299" s="213"/>
    </row>
    <row r="300" spans="1:4" s="3" customFormat="1" ht="35.25" customHeight="1" thickBot="1" x14ac:dyDescent="0.3">
      <c r="A300" s="235"/>
      <c r="B300" s="236"/>
      <c r="C300" s="17" t="s">
        <v>6</v>
      </c>
      <c r="D300" s="193" t="s">
        <v>23</v>
      </c>
    </row>
    <row r="301" spans="1:4" s="2" customFormat="1" ht="50.25" customHeight="1" x14ac:dyDescent="0.25">
      <c r="A301" s="158" t="s">
        <v>11</v>
      </c>
      <c r="B301" s="70" t="s">
        <v>292</v>
      </c>
      <c r="C301" s="38"/>
      <c r="D301" s="178"/>
    </row>
    <row r="302" spans="1:4" s="2" customFormat="1" ht="56.25" customHeight="1" x14ac:dyDescent="0.25">
      <c r="A302" s="37" t="s">
        <v>46</v>
      </c>
      <c r="B302" s="19" t="s">
        <v>260</v>
      </c>
      <c r="C302" s="38"/>
      <c r="D302" s="48"/>
    </row>
    <row r="303" spans="1:4" s="2" customFormat="1" ht="29.1" customHeight="1" x14ac:dyDescent="0.25">
      <c r="A303" s="157" t="s">
        <v>47</v>
      </c>
      <c r="B303" s="66" t="s">
        <v>261</v>
      </c>
      <c r="C303" s="38"/>
      <c r="D303" s="107"/>
    </row>
    <row r="304" spans="1:4" s="2" customFormat="1" ht="29.1" customHeight="1" x14ac:dyDescent="0.25">
      <c r="A304" s="77" t="s">
        <v>293</v>
      </c>
      <c r="B304" s="67" t="s">
        <v>262</v>
      </c>
      <c r="C304" s="38"/>
      <c r="D304" s="108"/>
    </row>
    <row r="305" spans="1:4" s="2" customFormat="1" ht="29.1" customHeight="1" x14ac:dyDescent="0.25">
      <c r="A305" s="77" t="s">
        <v>294</v>
      </c>
      <c r="B305" s="68" t="s">
        <v>263</v>
      </c>
      <c r="C305" s="38"/>
      <c r="D305" s="55"/>
    </row>
    <row r="306" spans="1:4" s="2" customFormat="1" ht="29.1" customHeight="1" x14ac:dyDescent="0.25">
      <c r="A306" s="77" t="s">
        <v>295</v>
      </c>
      <c r="B306" s="69" t="s">
        <v>264</v>
      </c>
      <c r="C306" s="38"/>
      <c r="D306" s="110"/>
    </row>
    <row r="307" spans="1:4" s="2" customFormat="1" ht="42" customHeight="1" x14ac:dyDescent="0.25">
      <c r="A307" s="77" t="s">
        <v>296</v>
      </c>
      <c r="B307" s="69" t="s">
        <v>265</v>
      </c>
      <c r="C307" s="38"/>
      <c r="D307" s="110"/>
    </row>
    <row r="308" spans="1:4" s="2" customFormat="1" ht="133.5" customHeight="1" x14ac:dyDescent="0.25">
      <c r="A308" s="76" t="s">
        <v>297</v>
      </c>
      <c r="B308" s="70" t="s">
        <v>266</v>
      </c>
      <c r="C308" s="38"/>
      <c r="D308" s="109"/>
    </row>
    <row r="309" spans="1:4" s="2" customFormat="1" ht="137.25" customHeight="1" x14ac:dyDescent="0.25">
      <c r="A309" s="37" t="s">
        <v>48</v>
      </c>
      <c r="B309" s="19" t="s">
        <v>267</v>
      </c>
      <c r="C309" s="38"/>
      <c r="D309" s="48"/>
    </row>
    <row r="310" spans="1:4" s="2" customFormat="1" ht="48" customHeight="1" x14ac:dyDescent="0.25">
      <c r="A310" s="37" t="s">
        <v>298</v>
      </c>
      <c r="B310" s="19" t="s">
        <v>268</v>
      </c>
      <c r="C310" s="38"/>
      <c r="D310" s="48"/>
    </row>
    <row r="311" spans="1:4" s="2" customFormat="1" ht="58.5" customHeight="1" x14ac:dyDescent="0.25">
      <c r="A311" s="37" t="s">
        <v>299</v>
      </c>
      <c r="B311" s="19" t="s">
        <v>269</v>
      </c>
      <c r="C311" s="38"/>
      <c r="D311" s="48"/>
    </row>
    <row r="312" spans="1:4" s="2" customFormat="1" ht="45" customHeight="1" x14ac:dyDescent="0.25">
      <c r="A312" s="37" t="s">
        <v>300</v>
      </c>
      <c r="B312" s="71" t="s">
        <v>270</v>
      </c>
      <c r="C312" s="38"/>
      <c r="D312" s="48"/>
    </row>
    <row r="313" spans="1:4" s="2" customFormat="1" ht="84" customHeight="1" x14ac:dyDescent="0.25">
      <c r="A313" s="37" t="s">
        <v>301</v>
      </c>
      <c r="B313" s="72" t="s">
        <v>271</v>
      </c>
      <c r="C313" s="38"/>
      <c r="D313" s="48"/>
    </row>
    <row r="314" spans="1:4" s="2" customFormat="1" ht="32.25" customHeight="1" x14ac:dyDescent="0.25">
      <c r="A314" s="203" t="s">
        <v>302</v>
      </c>
      <c r="B314" s="66" t="s">
        <v>272</v>
      </c>
      <c r="C314" s="38"/>
      <c r="D314" s="107"/>
    </row>
    <row r="315" spans="1:4" s="2" customFormat="1" ht="39" customHeight="1" x14ac:dyDescent="0.25">
      <c r="A315" s="204"/>
      <c r="B315" s="69" t="s">
        <v>273</v>
      </c>
      <c r="C315" s="38"/>
      <c r="D315" s="55"/>
    </row>
    <row r="316" spans="1:4" s="2" customFormat="1" ht="58.5" customHeight="1" x14ac:dyDescent="0.25">
      <c r="A316" s="204"/>
      <c r="B316" s="73" t="s">
        <v>274</v>
      </c>
      <c r="C316" s="38"/>
      <c r="D316" s="110"/>
    </row>
    <row r="317" spans="1:4" s="2" customFormat="1" ht="22.5" customHeight="1" x14ac:dyDescent="0.25">
      <c r="A317" s="204"/>
      <c r="B317" s="68" t="s">
        <v>275</v>
      </c>
      <c r="C317" s="38"/>
      <c r="D317" s="108"/>
    </row>
    <row r="318" spans="1:4" s="2" customFormat="1" ht="39.75" customHeight="1" x14ac:dyDescent="0.25">
      <c r="A318" s="204"/>
      <c r="B318" s="69" t="s">
        <v>276</v>
      </c>
      <c r="C318" s="38"/>
      <c r="D318" s="108"/>
    </row>
    <row r="319" spans="1:4" s="2" customFormat="1" ht="61.5" customHeight="1" x14ac:dyDescent="0.25">
      <c r="A319" s="204"/>
      <c r="B319" s="69" t="s">
        <v>277</v>
      </c>
      <c r="C319" s="38"/>
      <c r="D319" s="55"/>
    </row>
    <row r="320" spans="1:4" s="2" customFormat="1" ht="55.5" customHeight="1" x14ac:dyDescent="0.25">
      <c r="A320" s="205"/>
      <c r="B320" s="70" t="s">
        <v>278</v>
      </c>
      <c r="C320" s="38"/>
      <c r="D320" s="109"/>
    </row>
    <row r="321" spans="1:5" s="2" customFormat="1" ht="111.75" customHeight="1" x14ac:dyDescent="0.25">
      <c r="A321" s="37" t="s">
        <v>303</v>
      </c>
      <c r="B321" s="74" t="s">
        <v>279</v>
      </c>
      <c r="C321" s="38"/>
      <c r="D321" s="178"/>
    </row>
    <row r="322" spans="1:5" s="2" customFormat="1" ht="258" customHeight="1" x14ac:dyDescent="0.25">
      <c r="A322" s="37" t="s">
        <v>304</v>
      </c>
      <c r="B322" s="19" t="s">
        <v>280</v>
      </c>
      <c r="C322" s="38"/>
      <c r="D322" s="48"/>
    </row>
    <row r="323" spans="1:5" s="2" customFormat="1" ht="133.5" customHeight="1" x14ac:dyDescent="0.25">
      <c r="A323" s="78" t="s">
        <v>305</v>
      </c>
      <c r="B323" s="112" t="s">
        <v>281</v>
      </c>
      <c r="C323" s="38"/>
      <c r="D323" s="111"/>
    </row>
    <row r="324" spans="1:5" s="2" customFormat="1" ht="114.75" customHeight="1" x14ac:dyDescent="0.25">
      <c r="A324" s="76" t="s">
        <v>306</v>
      </c>
      <c r="B324" s="70" t="s">
        <v>282</v>
      </c>
      <c r="C324" s="38"/>
      <c r="D324" s="109"/>
    </row>
    <row r="325" spans="1:5" s="2" customFormat="1" ht="109.5" customHeight="1" x14ac:dyDescent="0.25">
      <c r="A325" s="37" t="s">
        <v>307</v>
      </c>
      <c r="B325" s="19" t="s">
        <v>283</v>
      </c>
      <c r="C325" s="38"/>
      <c r="D325" s="48"/>
    </row>
    <row r="326" spans="1:5" s="2" customFormat="1" ht="42" customHeight="1" x14ac:dyDescent="0.25">
      <c r="A326" s="37" t="s">
        <v>308</v>
      </c>
      <c r="B326" s="19" t="s">
        <v>284</v>
      </c>
      <c r="C326" s="38"/>
      <c r="D326" s="48"/>
    </row>
    <row r="327" spans="1:5" s="2" customFormat="1" ht="54.75" customHeight="1" x14ac:dyDescent="0.25">
      <c r="A327" s="37" t="s">
        <v>309</v>
      </c>
      <c r="B327" s="74" t="s">
        <v>285</v>
      </c>
      <c r="C327" s="38"/>
      <c r="D327" s="48"/>
    </row>
    <row r="328" spans="1:5" s="2" customFormat="1" ht="88.5" customHeight="1" x14ac:dyDescent="0.25">
      <c r="A328" s="37" t="s">
        <v>310</v>
      </c>
      <c r="B328" s="19" t="s">
        <v>286</v>
      </c>
      <c r="C328" s="38"/>
      <c r="D328" s="48"/>
    </row>
    <row r="329" spans="1:5" s="2" customFormat="1" ht="204.75" customHeight="1" x14ac:dyDescent="0.25">
      <c r="A329" s="157" t="s">
        <v>311</v>
      </c>
      <c r="B329" s="75" t="s">
        <v>287</v>
      </c>
      <c r="C329" s="38"/>
      <c r="D329" s="48"/>
    </row>
    <row r="330" spans="1:5" s="2" customFormat="1" ht="101.25" customHeight="1" x14ac:dyDescent="0.25">
      <c r="A330" s="37" t="s">
        <v>312</v>
      </c>
      <c r="B330" s="19" t="s">
        <v>288</v>
      </c>
      <c r="C330" s="38"/>
      <c r="D330" s="48"/>
    </row>
    <row r="331" spans="1:5" s="2" customFormat="1" ht="138" customHeight="1" x14ac:dyDescent="0.25">
      <c r="A331" s="37" t="s">
        <v>313</v>
      </c>
      <c r="B331" s="19" t="s">
        <v>289</v>
      </c>
      <c r="C331" s="38"/>
      <c r="D331" s="48"/>
    </row>
    <row r="332" spans="1:5" s="2" customFormat="1" ht="122.25" customHeight="1" x14ac:dyDescent="0.25">
      <c r="A332" s="157" t="s">
        <v>314</v>
      </c>
      <c r="B332" s="19" t="s">
        <v>290</v>
      </c>
      <c r="C332" s="38"/>
      <c r="D332" s="48"/>
    </row>
    <row r="333" spans="1:5" s="2" customFormat="1" ht="49.5" customHeight="1" thickBot="1" x14ac:dyDescent="0.3">
      <c r="A333" s="103" t="s">
        <v>315</v>
      </c>
      <c r="B333" s="133" t="s">
        <v>291</v>
      </c>
      <c r="C333" s="96"/>
      <c r="D333" s="134"/>
    </row>
    <row r="334" spans="1:5" s="3" customFormat="1" ht="6.75" customHeight="1" x14ac:dyDescent="0.25">
      <c r="A334" s="85"/>
      <c r="B334" s="86"/>
      <c r="C334" s="7"/>
      <c r="D334" s="7"/>
      <c r="E334" s="2"/>
    </row>
    <row r="335" spans="1:5" s="2" customFormat="1" ht="20.100000000000001" customHeight="1" x14ac:dyDescent="0.25">
      <c r="A335" s="206" t="s">
        <v>44</v>
      </c>
      <c r="B335" s="206"/>
      <c r="C335" s="206"/>
      <c r="D335" s="206"/>
    </row>
    <row r="336" spans="1:5" s="2" customFormat="1" ht="4.5" customHeight="1" thickBot="1" x14ac:dyDescent="0.3">
      <c r="A336" s="156"/>
    </row>
    <row r="337" spans="1:5" s="2" customFormat="1" ht="87" customHeight="1" x14ac:dyDescent="0.25">
      <c r="A337" s="233" t="s">
        <v>62</v>
      </c>
      <c r="B337" s="234"/>
      <c r="C337" s="212" t="s">
        <v>45</v>
      </c>
      <c r="D337" s="213"/>
    </row>
    <row r="338" spans="1:5" s="3" customFormat="1" ht="29.25" customHeight="1" x14ac:dyDescent="0.25">
      <c r="A338" s="235"/>
      <c r="B338" s="236"/>
      <c r="C338" s="176" t="s">
        <v>6</v>
      </c>
      <c r="D338" s="177" t="s">
        <v>23</v>
      </c>
      <c r="E338" s="2"/>
    </row>
    <row r="339" spans="1:5" s="3" customFormat="1" ht="33.75" customHeight="1" x14ac:dyDescent="0.25">
      <c r="A339" s="158" t="s">
        <v>11</v>
      </c>
      <c r="B339" s="175" t="s">
        <v>63</v>
      </c>
      <c r="C339" s="29"/>
      <c r="D339" s="52"/>
      <c r="E339" s="2"/>
    </row>
    <row r="340" spans="1:5" s="3" customFormat="1" ht="58.5" customHeight="1" x14ac:dyDescent="0.25">
      <c r="A340" s="158" t="s">
        <v>46</v>
      </c>
      <c r="B340" s="55" t="s">
        <v>53</v>
      </c>
      <c r="C340" s="41"/>
      <c r="D340" s="52"/>
      <c r="E340" s="2"/>
    </row>
    <row r="341" spans="1:5" s="3" customFormat="1" ht="45" customHeight="1" x14ac:dyDescent="0.25">
      <c r="A341" s="158" t="s">
        <v>47</v>
      </c>
      <c r="B341" s="47" t="s">
        <v>49</v>
      </c>
      <c r="C341" s="41"/>
      <c r="D341" s="52"/>
      <c r="E341" s="2"/>
    </row>
    <row r="342" spans="1:5" s="3" customFormat="1" ht="98.25" customHeight="1" thickBot="1" x14ac:dyDescent="0.3">
      <c r="A342" s="103" t="s">
        <v>48</v>
      </c>
      <c r="B342" s="104" t="s">
        <v>64</v>
      </c>
      <c r="C342" s="105"/>
      <c r="D342" s="106"/>
      <c r="E342" s="2"/>
    </row>
    <row r="343" spans="1:5" s="2" customFormat="1" ht="5.0999999999999996" customHeight="1" x14ac:dyDescent="0.25">
      <c r="A343" s="7"/>
      <c r="B343" s="5"/>
      <c r="C343" s="7"/>
      <c r="D343" s="7"/>
    </row>
    <row r="344" spans="1:5" s="2" customFormat="1" ht="20.100000000000001" customHeight="1" x14ac:dyDescent="0.25">
      <c r="A344" s="206" t="s">
        <v>10</v>
      </c>
      <c r="B344" s="206"/>
      <c r="C344" s="206"/>
      <c r="D344" s="206"/>
    </row>
    <row r="345" spans="1:5" s="3" customFormat="1" ht="30" customHeight="1" x14ac:dyDescent="0.25">
      <c r="A345" s="196" t="s">
        <v>12</v>
      </c>
      <c r="B345" s="229" t="s">
        <v>51</v>
      </c>
      <c r="C345" s="229"/>
      <c r="D345" s="229"/>
      <c r="E345" s="2"/>
    </row>
    <row r="346" spans="1:5" s="20" customFormat="1" ht="30" customHeight="1" x14ac:dyDescent="0.25">
      <c r="A346" s="196" t="s">
        <v>24</v>
      </c>
      <c r="B346" s="229" t="s">
        <v>25</v>
      </c>
      <c r="C346" s="229"/>
      <c r="D346" s="229"/>
      <c r="E346" s="2"/>
    </row>
    <row r="347" spans="1:5" s="20" customFormat="1" ht="30" customHeight="1" x14ac:dyDescent="0.25">
      <c r="A347" s="230" t="s">
        <v>26</v>
      </c>
      <c r="B347" s="230"/>
      <c r="C347" s="230"/>
      <c r="D347" s="230"/>
      <c r="E347" s="2"/>
    </row>
    <row r="348" spans="1:5" s="2" customFormat="1" ht="24.95" customHeight="1" x14ac:dyDescent="0.25">
      <c r="A348" s="197" t="s">
        <v>27</v>
      </c>
      <c r="B348" s="232"/>
      <c r="C348" s="232"/>
    </row>
    <row r="349" spans="1:5" s="2" customFormat="1" ht="24.95" customHeight="1" x14ac:dyDescent="0.25">
      <c r="A349" s="197" t="s">
        <v>28</v>
      </c>
      <c r="B349" s="232"/>
      <c r="C349" s="232"/>
    </row>
    <row r="350" spans="1:5" s="2" customFormat="1" ht="24.95" customHeight="1" x14ac:dyDescent="0.25">
      <c r="A350" s="197" t="s">
        <v>29</v>
      </c>
      <c r="B350" s="232"/>
      <c r="C350" s="232"/>
    </row>
    <row r="351" spans="1:5" s="3" customFormat="1" ht="24.95" customHeight="1" x14ac:dyDescent="0.25">
      <c r="A351" s="197" t="s">
        <v>30</v>
      </c>
      <c r="B351" s="232"/>
      <c r="C351" s="232"/>
      <c r="D351" s="2"/>
      <c r="E351" s="2"/>
    </row>
    <row r="352" spans="1:5" s="2" customFormat="1" ht="14.25" customHeight="1" x14ac:dyDescent="0.2">
      <c r="A352" s="190"/>
      <c r="B352" s="10"/>
      <c r="C352" s="10"/>
    </row>
    <row r="353" spans="1:4" s="3" customFormat="1" ht="15" customHeight="1" x14ac:dyDescent="0.25">
      <c r="A353" s="231" t="s">
        <v>31</v>
      </c>
      <c r="B353" s="231"/>
      <c r="C353" s="231"/>
      <c r="D353" s="231"/>
    </row>
    <row r="354" spans="1:4" s="2" customFormat="1" ht="36.75" customHeight="1" x14ac:dyDescent="0.25">
      <c r="A354" s="228" t="s">
        <v>41</v>
      </c>
      <c r="B354" s="228"/>
      <c r="C354" s="228"/>
      <c r="D354" s="228"/>
    </row>
    <row r="355" spans="1:4" s="2" customFormat="1" ht="20.100000000000001" customHeight="1" x14ac:dyDescent="0.2">
      <c r="A355" s="8"/>
      <c r="B355" s="1"/>
      <c r="C355" s="8"/>
      <c r="D355" s="8"/>
    </row>
    <row r="356" spans="1:4" s="3" customFormat="1" ht="4.5" customHeight="1" x14ac:dyDescent="0.2">
      <c r="A356" s="8"/>
      <c r="B356" s="1"/>
      <c r="C356" s="8"/>
      <c r="D356" s="8"/>
    </row>
    <row r="357" spans="1:4" s="3" customFormat="1" ht="20.100000000000001" customHeight="1" x14ac:dyDescent="0.25">
      <c r="A357" s="191" t="s">
        <v>32</v>
      </c>
      <c r="B357" s="21"/>
      <c r="C357" s="22" t="s">
        <v>33</v>
      </c>
      <c r="D357" s="44"/>
    </row>
    <row r="358" spans="1:4" s="3" customFormat="1" ht="20.100000000000001" customHeight="1" x14ac:dyDescent="0.25">
      <c r="A358" s="191"/>
      <c r="B358" s="23"/>
      <c r="C358" s="23"/>
      <c r="D358" s="24"/>
    </row>
    <row r="359" spans="1:4" ht="20.100000000000001" customHeight="1" x14ac:dyDescent="0.2">
      <c r="A359" s="191" t="s">
        <v>34</v>
      </c>
      <c r="B359" s="21"/>
      <c r="C359" s="25" t="s">
        <v>35</v>
      </c>
      <c r="D359" s="45"/>
    </row>
    <row r="360" spans="1:4" s="2" customFormat="1" ht="20.100000000000001" customHeight="1" x14ac:dyDescent="0.2">
      <c r="A360" s="8"/>
      <c r="B360" s="1"/>
      <c r="C360" s="25" t="s">
        <v>36</v>
      </c>
      <c r="D360" s="46"/>
    </row>
    <row r="361" spans="1:4" s="2" customFormat="1" ht="20.100000000000001" customHeight="1" x14ac:dyDescent="0.2">
      <c r="A361" s="8"/>
      <c r="B361" s="1"/>
      <c r="C361" s="26" t="s">
        <v>37</v>
      </c>
      <c r="D361" s="1"/>
    </row>
    <row r="362" spans="1:4" s="2" customFormat="1" ht="37.5" customHeight="1" x14ac:dyDescent="0.25">
      <c r="A362" s="156"/>
    </row>
    <row r="363" spans="1:4" s="2" customFormat="1" ht="24" customHeight="1" x14ac:dyDescent="0.25">
      <c r="A363" s="156"/>
    </row>
    <row r="364" spans="1:4" s="2" customFormat="1" ht="24" customHeight="1" x14ac:dyDescent="0.25">
      <c r="A364" s="156"/>
    </row>
    <row r="365" spans="1:4" s="2" customFormat="1" ht="24" customHeight="1" x14ac:dyDescent="0.25">
      <c r="A365" s="156"/>
    </row>
    <row r="366" spans="1:4" s="2" customFormat="1" ht="20.100000000000001" customHeight="1" x14ac:dyDescent="0.25">
      <c r="A366" s="156"/>
    </row>
    <row r="367" spans="1:4" s="2" customFormat="1" ht="20.100000000000001" customHeight="1" x14ac:dyDescent="0.25">
      <c r="A367" s="156"/>
    </row>
    <row r="368" spans="1:4" s="2" customFormat="1" ht="50.1" customHeight="1" x14ac:dyDescent="0.25">
      <c r="A368" s="156"/>
    </row>
    <row r="369" spans="1:4" s="2" customFormat="1" ht="43.5" customHeight="1" x14ac:dyDescent="0.25">
      <c r="A369" s="156"/>
    </row>
    <row r="370" spans="1:4" ht="24.75" customHeight="1" x14ac:dyDescent="0.2">
      <c r="A370" s="156"/>
      <c r="B370" s="2"/>
      <c r="C370" s="2"/>
      <c r="D370" s="2"/>
    </row>
    <row r="371" spans="1:4" x14ac:dyDescent="0.2">
      <c r="A371" s="156"/>
      <c r="B371" s="2"/>
      <c r="C371" s="2"/>
      <c r="D371" s="2"/>
    </row>
    <row r="372" spans="1:4" ht="20.100000000000001" customHeight="1" x14ac:dyDescent="0.2"/>
    <row r="373" spans="1:4" ht="4.5" customHeight="1" x14ac:dyDescent="0.2"/>
    <row r="374" spans="1:4" ht="20.100000000000001" customHeight="1" x14ac:dyDescent="0.2"/>
    <row r="375" spans="1:4" ht="20.100000000000001" customHeight="1" x14ac:dyDescent="0.2"/>
    <row r="376" spans="1:4" ht="20.100000000000001" customHeight="1" x14ac:dyDescent="0.2"/>
  </sheetData>
  <mergeCells count="65">
    <mergeCell ref="C299:D299"/>
    <mergeCell ref="A129:B130"/>
    <mergeCell ref="A214:D214"/>
    <mergeCell ref="A240:D240"/>
    <mergeCell ref="A203:D203"/>
    <mergeCell ref="A174:D174"/>
    <mergeCell ref="A277:D277"/>
    <mergeCell ref="A163:D163"/>
    <mergeCell ref="A30:B30"/>
    <mergeCell ref="A354:D354"/>
    <mergeCell ref="A344:D344"/>
    <mergeCell ref="B345:D345"/>
    <mergeCell ref="B346:D346"/>
    <mergeCell ref="A347:D347"/>
    <mergeCell ref="A353:D353"/>
    <mergeCell ref="B348:C348"/>
    <mergeCell ref="B349:C349"/>
    <mergeCell ref="B350:C350"/>
    <mergeCell ref="B351:C351"/>
    <mergeCell ref="A335:D335"/>
    <mergeCell ref="A337:B338"/>
    <mergeCell ref="C337:D337"/>
    <mergeCell ref="A297:D297"/>
    <mergeCell ref="A299:B300"/>
    <mergeCell ref="A27:B27"/>
    <mergeCell ref="A7:E7"/>
    <mergeCell ref="A1:E1"/>
    <mergeCell ref="A2:E2"/>
    <mergeCell ref="A3:E3"/>
    <mergeCell ref="A17:C17"/>
    <mergeCell ref="A8:D8"/>
    <mergeCell ref="A9:D9"/>
    <mergeCell ref="A11:D11"/>
    <mergeCell ref="A12:C12"/>
    <mergeCell ref="A13:B13"/>
    <mergeCell ref="A14:B14"/>
    <mergeCell ref="A15:B15"/>
    <mergeCell ref="A16:B16"/>
    <mergeCell ref="A314:A320"/>
    <mergeCell ref="A22:E22"/>
    <mergeCell ref="A20:C20"/>
    <mergeCell ref="A127:E127"/>
    <mergeCell ref="A131:D131"/>
    <mergeCell ref="A123:B123"/>
    <mergeCell ref="C129:D129"/>
    <mergeCell ref="A23:E23"/>
    <mergeCell ref="A50:E50"/>
    <mergeCell ref="A26:D26"/>
    <mergeCell ref="A24:C24"/>
    <mergeCell ref="A25:E25"/>
    <mergeCell ref="B34:C34"/>
    <mergeCell ref="A31:E31"/>
    <mergeCell ref="A33:E33"/>
    <mergeCell ref="A21:C21"/>
    <mergeCell ref="A109:E109"/>
    <mergeCell ref="B35:C35"/>
    <mergeCell ref="B52:C52"/>
    <mergeCell ref="B55:C55"/>
    <mergeCell ref="B51:C51"/>
    <mergeCell ref="B70:C70"/>
    <mergeCell ref="A69:E69"/>
    <mergeCell ref="A54:E54"/>
    <mergeCell ref="A73:E73"/>
    <mergeCell ref="B58:C58"/>
    <mergeCell ref="A90:E90"/>
  </mergeCells>
  <conditionalFormatting sqref="C318:C333 C204:C213 C164:C173 C175:C202 C147:C162 B225 C225:C239 C278:C295 C241:C276">
    <cfRule type="containsBlanks" dxfId="25" priority="79">
      <formula>LEN(TRIM(B147))=0</formula>
    </cfRule>
  </conditionalFormatting>
  <conditionalFormatting sqref="D359">
    <cfRule type="containsBlanks" dxfId="24" priority="78">
      <formula>LEN(TRIM(D359))=0</formula>
    </cfRule>
  </conditionalFormatting>
  <conditionalFormatting sqref="B357">
    <cfRule type="containsBlanks" dxfId="23" priority="76">
      <formula>LEN(TRIM(B357))=0</formula>
    </cfRule>
  </conditionalFormatting>
  <conditionalFormatting sqref="D360">
    <cfRule type="containsBlanks" dxfId="22" priority="77">
      <formula>LEN(TRIM(D360))=0</formula>
    </cfRule>
  </conditionalFormatting>
  <conditionalFormatting sqref="B359">
    <cfRule type="containsBlanks" dxfId="21" priority="75">
      <formula>LEN(TRIM(B359))=0</formula>
    </cfRule>
  </conditionalFormatting>
  <conditionalFormatting sqref="B4:B5">
    <cfRule type="containsBlanks" dxfId="20" priority="74">
      <formula>LEN(TRIM(B4))=0</formula>
    </cfRule>
  </conditionalFormatting>
  <conditionalFormatting sqref="C339:C342">
    <cfRule type="containsBlanks" dxfId="19" priority="68">
      <formula>LEN(TRIM(C339))=0</formula>
    </cfRule>
  </conditionalFormatting>
  <conditionalFormatting sqref="B350:C350">
    <cfRule type="containsBlanks" dxfId="18" priority="64">
      <formula>LEN(TRIM(B350))=0</formula>
    </cfRule>
  </conditionalFormatting>
  <conditionalFormatting sqref="C301:C309">
    <cfRule type="containsBlanks" dxfId="17" priority="32">
      <formula>LEN(TRIM(C301))=0</formula>
    </cfRule>
  </conditionalFormatting>
  <conditionalFormatting sqref="C310:C313">
    <cfRule type="containsBlanks" dxfId="16" priority="31">
      <formula>LEN(TRIM(C310))=0</formula>
    </cfRule>
  </conditionalFormatting>
  <conditionalFormatting sqref="C314:C317">
    <cfRule type="containsBlanks" dxfId="15" priority="30">
      <formula>LEN(TRIM(C314))=0</formula>
    </cfRule>
  </conditionalFormatting>
  <conditionalFormatting sqref="B166:B170">
    <cfRule type="containsBlanks" dxfId="14" priority="16">
      <formula>LEN(TRIM(B166))=0</formula>
    </cfRule>
  </conditionalFormatting>
  <conditionalFormatting sqref="B177:B188">
    <cfRule type="containsBlanks" dxfId="13" priority="15">
      <formula>LEN(TRIM(B177))=0</formula>
    </cfRule>
  </conditionalFormatting>
  <conditionalFormatting sqref="B206:B211">
    <cfRule type="containsBlanks" dxfId="12" priority="14">
      <formula>LEN(TRIM(B206))=0</formula>
    </cfRule>
  </conditionalFormatting>
  <conditionalFormatting sqref="C220:C224">
    <cfRule type="containsBlanks" dxfId="11" priority="12">
      <formula>LEN(TRIM(C220))=0</formula>
    </cfRule>
  </conditionalFormatting>
  <conditionalFormatting sqref="C215:C216">
    <cfRule type="containsBlanks" dxfId="10" priority="11">
      <formula>LEN(TRIM(C215))=0</formula>
    </cfRule>
  </conditionalFormatting>
  <conditionalFormatting sqref="C217">
    <cfRule type="containsBlanks" dxfId="9" priority="10">
      <formula>LEN(TRIM(C217))=0</formula>
    </cfRule>
  </conditionalFormatting>
  <conditionalFormatting sqref="C218">
    <cfRule type="containsBlanks" dxfId="8" priority="9">
      <formula>LEN(TRIM(C218))=0</formula>
    </cfRule>
  </conditionalFormatting>
  <conditionalFormatting sqref="C219">
    <cfRule type="containsBlanks" dxfId="7" priority="8">
      <formula>LEN(TRIM(C219))=0</formula>
    </cfRule>
  </conditionalFormatting>
  <conditionalFormatting sqref="B134:B146 C132:C146">
    <cfRule type="containsBlanks" dxfId="6" priority="7">
      <formula>LEN(TRIM(B132))=0</formula>
    </cfRule>
  </conditionalFormatting>
  <conditionalFormatting sqref="B243:B253">
    <cfRule type="containsBlanks" dxfId="5" priority="6">
      <formula>LEN(TRIM(B243))=0</formula>
    </cfRule>
  </conditionalFormatting>
  <conditionalFormatting sqref="B255:B258">
    <cfRule type="containsBlanks" dxfId="4" priority="5">
      <formula>LEN(TRIM(B255))=0</formula>
    </cfRule>
  </conditionalFormatting>
  <conditionalFormatting sqref="B280:B284">
    <cfRule type="containsBlanks" dxfId="3" priority="4">
      <formula>LEN(TRIM(B280))=0</formula>
    </cfRule>
  </conditionalFormatting>
  <conditionalFormatting sqref="B348:C348">
    <cfRule type="containsBlanks" dxfId="2" priority="3">
      <formula>LEN(TRIM(B348))=0</formula>
    </cfRule>
  </conditionalFormatting>
  <conditionalFormatting sqref="B349:C349">
    <cfRule type="containsBlanks" dxfId="1" priority="2">
      <formula>LEN(TRIM(B349))=0</formula>
    </cfRule>
  </conditionalFormatting>
  <conditionalFormatting sqref="B351:C351">
    <cfRule type="containsBlanks" dxfId="0" priority="1">
      <formula>LEN(TRIM(B351))=0</formula>
    </cfRule>
  </conditionalFormatting>
  <printOptions horizontalCentered="1"/>
  <pageMargins left="0.70866141732283472" right="0.70866141732283472" top="0.90625" bottom="0.74803149606299213" header="0.31496062992125984" footer="0.31496062992125984"/>
  <pageSetup paperSize="9" scale="55" fitToHeight="0" orientation="portrait" r:id="rId1"/>
  <headerFooter>
    <oddHeader>&amp;C&amp;"Arial,Normálne"&amp;16CENOVÁ PONUKA&amp;14
pre účel
prípravnej trhovej konzultácia a predbežného zapojenia záujemcov alebo uchádzačov (ďalej aj "PTK")</oddHeader>
    <oddFooter>&amp;CStrana &amp;P z &amp;N</oddFooter>
  </headerFooter>
  <drawing r:id="rId2"/>
  <legacyDrawing r:id="rId3"/>
  <mc:AlternateContent xmlns:mc="http://schemas.openxmlformats.org/markup-compatibility/2006">
    <mc:Choice Requires="x14">
      <controls>
        <mc:AlternateContent xmlns:mc="http://schemas.openxmlformats.org/markup-compatibility/2006">
          <mc:Choice Requires="x14">
            <control shapeId="8195" r:id="rId4" name="Check Box 3">
              <controlPr defaultSize="0" autoFill="0" autoLine="0" autoPict="0">
                <anchor moveWithCells="1">
                  <from>
                    <xdr:col>0</xdr:col>
                    <xdr:colOff>628650</xdr:colOff>
                    <xdr:row>27</xdr:row>
                    <xdr:rowOff>0</xdr:rowOff>
                  </from>
                  <to>
                    <xdr:col>0</xdr:col>
                    <xdr:colOff>885825</xdr:colOff>
                    <xdr:row>27</xdr:row>
                    <xdr:rowOff>219075</xdr:rowOff>
                  </to>
                </anchor>
              </controlPr>
            </control>
          </mc:Choice>
        </mc:AlternateContent>
        <mc:AlternateContent xmlns:mc="http://schemas.openxmlformats.org/markup-compatibility/2006">
          <mc:Choice Requires="x14">
            <control shapeId="8196" r:id="rId5" name="Check Box 4">
              <controlPr defaultSize="0" autoFill="0" autoLine="0" autoPict="0">
                <anchor moveWithCells="1">
                  <from>
                    <xdr:col>0</xdr:col>
                    <xdr:colOff>628650</xdr:colOff>
                    <xdr:row>28</xdr:row>
                    <xdr:rowOff>9525</xdr:rowOff>
                  </from>
                  <to>
                    <xdr:col>0</xdr:col>
                    <xdr:colOff>885825</xdr:colOff>
                    <xdr:row>28</xdr:row>
                    <xdr:rowOff>228600</xdr:rowOff>
                  </to>
                </anchor>
              </controlPr>
            </control>
          </mc:Choice>
        </mc:AlternateContent>
        <mc:AlternateContent xmlns:mc="http://schemas.openxmlformats.org/markup-compatibility/2006">
          <mc:Choice Requires="x14">
            <control shapeId="8197" r:id="rId6" name="Check Box 5">
              <controlPr defaultSize="0" autoFill="0" autoLine="0" autoPict="0">
                <anchor moveWithCells="1">
                  <from>
                    <xdr:col>0</xdr:col>
                    <xdr:colOff>628650</xdr:colOff>
                    <xdr:row>123</xdr:row>
                    <xdr:rowOff>9525</xdr:rowOff>
                  </from>
                  <to>
                    <xdr:col>0</xdr:col>
                    <xdr:colOff>885825</xdr:colOff>
                    <xdr:row>123</xdr:row>
                    <xdr:rowOff>228600</xdr:rowOff>
                  </to>
                </anchor>
              </controlPr>
            </control>
          </mc:Choice>
        </mc:AlternateContent>
        <mc:AlternateContent xmlns:mc="http://schemas.openxmlformats.org/markup-compatibility/2006">
          <mc:Choice Requires="x14">
            <control shapeId="8198" r:id="rId7" name="Check Box 6">
              <controlPr defaultSize="0" autoFill="0" autoLine="0" autoPict="0">
                <anchor moveWithCells="1">
                  <from>
                    <xdr:col>0</xdr:col>
                    <xdr:colOff>628650</xdr:colOff>
                    <xdr:row>124</xdr:row>
                    <xdr:rowOff>0</xdr:rowOff>
                  </from>
                  <to>
                    <xdr:col>0</xdr:col>
                    <xdr:colOff>885825</xdr:colOff>
                    <xdr:row>124</xdr:row>
                    <xdr:rowOff>219075</xdr:rowOff>
                  </to>
                </anchor>
              </controlPr>
            </control>
          </mc:Choice>
        </mc:AlternateContent>
      </controls>
    </mc:Choice>
  </mc:AlternateContent>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Hárky</vt:lpstr>
      </vt:variant>
      <vt:variant>
        <vt:i4>2</vt:i4>
      </vt:variant>
      <vt:variant>
        <vt:lpstr>Pomenované rozsahy</vt:lpstr>
      </vt:variant>
      <vt:variant>
        <vt:i4>1</vt:i4>
      </vt:variant>
    </vt:vector>
  </HeadingPairs>
  <TitlesOfParts>
    <vt:vector size="3" baseType="lpstr">
      <vt:lpstr>hárok </vt:lpstr>
      <vt:lpstr>PTK - ponuka</vt:lpstr>
      <vt:lpstr>'PTK - ponuka'!Oblasť_tlače</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Ing. Zuzana Bučeková</dc:creator>
  <cp:lastModifiedBy>Dana Kapáková</cp:lastModifiedBy>
  <cp:lastPrinted>2023-03-22T08:44:00Z</cp:lastPrinted>
  <dcterms:created xsi:type="dcterms:W3CDTF">2017-04-21T05:51:15Z</dcterms:created>
  <dcterms:modified xsi:type="dcterms:W3CDTF">2023-04-05T11:51:36Z</dcterms:modified>
</cp:coreProperties>
</file>